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575\12_環境衛生G\11-1_住宅宿泊事業法\06_広報（ホームページ・施設一覧）\☆施設一覧公表（県HP）\R7.9.30時点（2511のHＰ改修と同時）\03_起案\"/>
    </mc:Choice>
  </mc:AlternateContent>
  <xr:revisionPtr revIDLastSave="0" documentId="13_ncr:1_{6E6AE110-4316-45B2-90E9-39584C1B67CE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R7.９.30現在" sheetId="6" r:id="rId1"/>
  </sheets>
  <definedNames>
    <definedName name="_xlnm.Print_Area" localSheetId="0">'R7.９.30現在'!$A$1:$C$461</definedName>
    <definedName name="_xlnm.Print_Titles" localSheetId="0">'R7.９.30現在'!$2:$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22" uniqueCount="918">
  <si>
    <t>届出番号</t>
  </si>
  <si>
    <t>住宅の所在地</t>
  </si>
  <si>
    <t>神奈川県鎌倉市腰越１－１０－２４</t>
  </si>
  <si>
    <t>神奈川県葉山町長柄６８６</t>
  </si>
  <si>
    <t>神奈川県鎌倉市大町４－２－１８</t>
  </si>
  <si>
    <t>神奈川県箱根町強羅字向山　１３２０番地７８６、１３２０番地６８５</t>
  </si>
  <si>
    <t>神奈川県鎌倉市雪ノ下１－１２－１５</t>
  </si>
  <si>
    <t>神奈川県逗子市池子２－３－２５</t>
  </si>
  <si>
    <t>神奈川県鎌倉市稲村ガ崎３－１４－４</t>
  </si>
  <si>
    <t>神奈川県箱根町仙石原字六郎兵衛１２４６番地１２２１</t>
  </si>
  <si>
    <t>神奈川県開成町延沢１６７７－３</t>
  </si>
  <si>
    <t>神奈川県鎌倉市七里ガ浜２－３－１</t>
  </si>
  <si>
    <t>神奈川県小田原市板橋７３０番地２７</t>
  </si>
  <si>
    <t>神奈川県鎌倉市稲村ガ崎４－５－５</t>
  </si>
  <si>
    <t>神奈川県大和市大和東２－１－３ハイツ水城1</t>
  </si>
  <si>
    <t>神奈川県逗子市桜山８－１７－８</t>
  </si>
  <si>
    <t>神奈川県箱根町湯本茶屋字瀬戸７０番地</t>
  </si>
  <si>
    <t>神奈川県葉山町下山口１０１３</t>
  </si>
  <si>
    <t>神奈川県鎌倉市笛田２丁目４－３</t>
  </si>
  <si>
    <t>神奈川県鎌倉市鎌倉山３－１６－１１</t>
  </si>
  <si>
    <t>神奈川県鎌倉市雪ノ下　２−３−５</t>
  </si>
  <si>
    <t>神奈川県三浦市三崎５－１０－９</t>
  </si>
  <si>
    <t>神奈川県鎌倉市津西二丁目１０番１３号</t>
  </si>
  <si>
    <t>神奈川県三浦市三崎町小網代２３５３番地１</t>
  </si>
  <si>
    <t>神奈川県葉山町一色２１１２</t>
  </si>
  <si>
    <t>神奈川県葉山町堀内７４４－７ラポール葉山E</t>
  </si>
  <si>
    <t>神奈川県大磯町西小磯８２２−５</t>
  </si>
  <si>
    <t>神奈川県逗子市逗子７－１１－１２101</t>
  </si>
  <si>
    <t>神奈川県葉山町下山口１７７０－１</t>
  </si>
  <si>
    <t>神奈川県葉山町一色３７０－１</t>
  </si>
  <si>
    <t>神奈川県鎌倉市西御門１－２１－１７</t>
  </si>
  <si>
    <t>神奈川県鎌倉市扇ガ谷２－１８－３</t>
  </si>
  <si>
    <t>神奈川県鎌倉市長谷２丁目１２−１７長谷壱番館</t>
  </si>
  <si>
    <t>神奈川県湯河原町吉浜２０１９－１３６</t>
  </si>
  <si>
    <t>神奈川県鎌倉市手広１－１６－１７</t>
  </si>
  <si>
    <t>神奈川県逗子市池子２－６－２２</t>
  </si>
  <si>
    <t>神奈川県葉山町堀内１９１１－１</t>
    <phoneticPr fontId="1"/>
  </si>
  <si>
    <t>神奈川県葉山町堀内２１７１－２</t>
    <phoneticPr fontId="1"/>
  </si>
  <si>
    <t>神奈川県大和市大和東２－１－３水城２１ 201</t>
    <phoneticPr fontId="1"/>
  </si>
  <si>
    <t>神奈川県大和市大和東２－１－３水城２１ 203</t>
    <phoneticPr fontId="1"/>
  </si>
  <si>
    <t>神奈川県大和市大和東２－１－３水城２１ 305</t>
    <phoneticPr fontId="1"/>
  </si>
  <si>
    <t>第M140007268号</t>
  </si>
  <si>
    <t>神奈川県葉山町一色２１１３</t>
  </si>
  <si>
    <t>第M140007337号</t>
  </si>
  <si>
    <t>神奈川県鎌倉市大船６－１２－１５</t>
  </si>
  <si>
    <t>第M140007999号</t>
  </si>
  <si>
    <t>神奈川県鎌倉市山ノ内１４３２－６</t>
  </si>
  <si>
    <t>第M140008184号</t>
  </si>
  <si>
    <t>神奈川県逗子市新宿３－４－１５B</t>
  </si>
  <si>
    <t>第M140000345号</t>
  </si>
  <si>
    <t>第M140000448号</t>
  </si>
  <si>
    <t>第M140000456号</t>
  </si>
  <si>
    <t>第M140000661号</t>
  </si>
  <si>
    <t>第M140000932号</t>
  </si>
  <si>
    <t>第M140001088号</t>
  </si>
  <si>
    <t>第M140001095号</t>
  </si>
  <si>
    <t>第M140001109号</t>
  </si>
  <si>
    <t>第M140001111号</t>
  </si>
  <si>
    <t>第M140001185号</t>
  </si>
  <si>
    <t>第M140001365号</t>
  </si>
  <si>
    <t>第M140001368号</t>
  </si>
  <si>
    <t>第M140001371号</t>
  </si>
  <si>
    <t>第M140001379号</t>
  </si>
  <si>
    <t>第M140001382号</t>
  </si>
  <si>
    <t>第M140001594号</t>
  </si>
  <si>
    <t>第M140001596号</t>
  </si>
  <si>
    <t>第M140001597号</t>
  </si>
  <si>
    <t>第M140001599号</t>
  </si>
  <si>
    <t>第M140001954号</t>
  </si>
  <si>
    <t>第M140002081号</t>
  </si>
  <si>
    <t>第M140002301号</t>
  </si>
  <si>
    <t>第M140002302号</t>
  </si>
  <si>
    <t>第M140002303号</t>
  </si>
  <si>
    <t>第M140002618号</t>
  </si>
  <si>
    <t>第M140002859号</t>
  </si>
  <si>
    <t>第M140002961号</t>
  </si>
  <si>
    <t>第M140003292号</t>
  </si>
  <si>
    <t>第M140003398号</t>
  </si>
  <si>
    <t>第M140003933号</t>
  </si>
  <si>
    <t>第M140003965号</t>
  </si>
  <si>
    <t>第M140003989号</t>
  </si>
  <si>
    <t>第M140004075号</t>
  </si>
  <si>
    <t>第M140004838号</t>
  </si>
  <si>
    <t>第M140005075号</t>
  </si>
  <si>
    <t>第M140005085号</t>
  </si>
  <si>
    <t>第M140005217号</t>
  </si>
  <si>
    <t>第M140005330号</t>
  </si>
  <si>
    <t>第M140005478号</t>
  </si>
  <si>
    <t>第M140005525号</t>
  </si>
  <si>
    <t>第M140006729号</t>
  </si>
  <si>
    <t>第M140006767号</t>
  </si>
  <si>
    <t>第M140006860号</t>
  </si>
  <si>
    <t>No.</t>
    <phoneticPr fontId="1"/>
  </si>
  <si>
    <t>第M140009519号</t>
  </si>
  <si>
    <t>神奈川県鎌倉市腰越７４７番地３ C2</t>
    <phoneticPr fontId="1"/>
  </si>
  <si>
    <t>第M140009974号</t>
  </si>
  <si>
    <t>第M140010691号</t>
  </si>
  <si>
    <t>神奈川県鎌倉市雪ノ下２−９−１２</t>
  </si>
  <si>
    <t>神奈川県鎌倉市稲村ガ崎３－１２－１</t>
  </si>
  <si>
    <t>第M140011293号</t>
  </si>
  <si>
    <t>第M140011295号</t>
  </si>
  <si>
    <t>第M140011299号</t>
  </si>
  <si>
    <t>神奈川県逗子市小坪３－５－７</t>
  </si>
  <si>
    <t>神奈川県鎌倉市西鎌倉３－８－１０</t>
  </si>
  <si>
    <t>神奈川県鎌倉市長谷２－４－３５</t>
  </si>
  <si>
    <t>第M140012817号</t>
  </si>
  <si>
    <t>第M140012868号</t>
  </si>
  <si>
    <t>第M140012930号</t>
  </si>
  <si>
    <t>神奈川県箱根町仙石原１２６０－１０４</t>
  </si>
  <si>
    <t>神奈川県箱根町箱根５７１－２３Ｍ棟</t>
  </si>
  <si>
    <t>神奈川県箱根町宮城野１３５８－７ 箱根やすらぎの宿</t>
    <phoneticPr fontId="1"/>
  </si>
  <si>
    <t>第M140013632号</t>
  </si>
  <si>
    <t>第M140013767号</t>
  </si>
  <si>
    <t>第M140013768号</t>
  </si>
  <si>
    <t>第M140013769号</t>
  </si>
  <si>
    <t>第M140014164号</t>
  </si>
  <si>
    <t>神奈川県大磯町東小磯９５５番地５</t>
  </si>
  <si>
    <t>神奈川県鎌倉市大町２－３－２０クレドメゾン鎌倉101</t>
  </si>
  <si>
    <t>神奈川県鎌倉市大町２－３－２０クレドメゾン鎌倉103</t>
  </si>
  <si>
    <t>神奈川県鎌倉市大町２－３－２０クレドメゾン鎌倉202</t>
  </si>
  <si>
    <t>神奈川県鎌倉市稲村ガ崎３−７−２４</t>
  </si>
  <si>
    <t>第M140015133号</t>
  </si>
  <si>
    <t>第M140014222号</t>
  </si>
  <si>
    <t>第M140015176号</t>
  </si>
  <si>
    <t>第M140015130号</t>
  </si>
  <si>
    <t>第M140014746号</t>
  </si>
  <si>
    <t>第M140014421号</t>
  </si>
  <si>
    <t>神奈川県逗子市桜山２－２－６</t>
  </si>
  <si>
    <t>神奈川県鎌倉市大船２－２４－２０グランダ大船</t>
  </si>
  <si>
    <t>神奈川県南足柄市塚原１９３８－２</t>
  </si>
  <si>
    <t>神奈川県鎌倉市上町屋６１４－１</t>
  </si>
  <si>
    <t>神奈川県逗子市山の根２−１１−２４</t>
  </si>
  <si>
    <t>神奈川県南足柄市岩原９２８－２０</t>
  </si>
  <si>
    <t>第M140015800号</t>
  </si>
  <si>
    <t>第M140015801号</t>
  </si>
  <si>
    <t>第M140015802号</t>
  </si>
  <si>
    <t>第M140015803号</t>
  </si>
  <si>
    <t>第M140016085号</t>
  </si>
  <si>
    <t>第M140016165号</t>
  </si>
  <si>
    <t>第M140016223号</t>
  </si>
  <si>
    <t>第M140016357号</t>
  </si>
  <si>
    <t>第M140016360号</t>
  </si>
  <si>
    <t>神奈川県箱根町仙石原１０３４－５０星空の丘101</t>
  </si>
  <si>
    <t>神奈川県逗子市新宿１―４―３２</t>
  </si>
  <si>
    <t>神奈川県南足柄市塚原２６５９－４</t>
  </si>
  <si>
    <t>神奈川県箱根町仙石原１０３４－５０星空の丘102</t>
    <rPh sb="17" eb="19">
      <t>ホシゾラ</t>
    </rPh>
    <rPh sb="20" eb="21">
      <t>オカ</t>
    </rPh>
    <phoneticPr fontId="1"/>
  </si>
  <si>
    <t>神奈川県箱根町仙石原１０３４－５０星空の丘201</t>
    <rPh sb="17" eb="19">
      <t>ホシゾラ</t>
    </rPh>
    <rPh sb="20" eb="21">
      <t>オカ</t>
    </rPh>
    <phoneticPr fontId="1"/>
  </si>
  <si>
    <t>神奈川県箱根町仙石原１０３４－５０星空の丘202</t>
    <rPh sb="17" eb="19">
      <t>ホシゾラ</t>
    </rPh>
    <rPh sb="20" eb="21">
      <t>オカ</t>
    </rPh>
    <phoneticPr fontId="1"/>
  </si>
  <si>
    <t>神奈川県大磯町国府本郷１２２１－３、１２２４－２</t>
    <phoneticPr fontId="1"/>
  </si>
  <si>
    <t>神奈川県葉山町堀内１０６８</t>
    <phoneticPr fontId="1"/>
  </si>
  <si>
    <t>神奈川県小田原市荻窪３８６－７</t>
    <phoneticPr fontId="1"/>
  </si>
  <si>
    <t>第M140016873号</t>
  </si>
  <si>
    <t>神奈川県大井町柳７１</t>
  </si>
  <si>
    <t>第M140017116号</t>
  </si>
  <si>
    <t>神奈川県南足柄市千津島２５３５－８</t>
  </si>
  <si>
    <t>第M140017547号</t>
  </si>
  <si>
    <t>神奈川県葉山町堀内２１７０―１２ＱＲＰハウス葉山</t>
  </si>
  <si>
    <t>第M140017694号</t>
  </si>
  <si>
    <t>第M140017967号</t>
  </si>
  <si>
    <t>神奈川県逗子市逗子６－７－９</t>
    <phoneticPr fontId="1"/>
  </si>
  <si>
    <t>第M140018141号</t>
  </si>
  <si>
    <t>神奈川県鎌倉市長谷２丁目１２−１７長谷壱番館RoomA</t>
  </si>
  <si>
    <t>第M140018169号</t>
  </si>
  <si>
    <t>神奈川県鎌倉市長谷２－１８－９Ｋハイツ1F</t>
  </si>
  <si>
    <t>第M140018170号</t>
  </si>
  <si>
    <t>神奈川県鎌倉市長谷２－１８－９Ｋハイツ2F</t>
  </si>
  <si>
    <t>第M140018471号</t>
  </si>
  <si>
    <t>神奈川県平塚市桃浜町１１－１４</t>
  </si>
  <si>
    <t>第M140018474号</t>
  </si>
  <si>
    <t>神奈川県鎌倉市極楽寺３−１５−１７</t>
  </si>
  <si>
    <t>第M140018479号</t>
  </si>
  <si>
    <t>神奈川県鎌倉市大町２－３－２０クレドメゾン鎌倉102</t>
  </si>
  <si>
    <t>神奈川県鎌倉市山ノ内８８４－３</t>
  </si>
  <si>
    <t>第M140018859号</t>
  </si>
  <si>
    <t>神奈川県鎌倉市二階堂４－６</t>
  </si>
  <si>
    <t>第M140018900号</t>
  </si>
  <si>
    <t>神奈川県小田原市城山１－１２－２</t>
  </si>
  <si>
    <t>第M140019245号</t>
    <phoneticPr fontId="1"/>
  </si>
  <si>
    <t>第M140019333号</t>
    <phoneticPr fontId="1"/>
  </si>
  <si>
    <t>第M140019712号</t>
    <phoneticPr fontId="1"/>
  </si>
  <si>
    <t>第M140019747号</t>
    <phoneticPr fontId="1"/>
  </si>
  <si>
    <t>神奈川県箱根町仙石原字太郎嶽１１０８番２３０地怡（よろこぶ）</t>
    <phoneticPr fontId="1"/>
  </si>
  <si>
    <t>神奈川県三浦市南下浦町金田２４２７番地８</t>
    <phoneticPr fontId="1"/>
  </si>
  <si>
    <t>神奈川県葉山町一色１４３２</t>
    <phoneticPr fontId="1"/>
  </si>
  <si>
    <t>神奈川県鎌倉市鎌倉山３－１７－２５</t>
    <phoneticPr fontId="1"/>
  </si>
  <si>
    <t>第M140021002号</t>
  </si>
  <si>
    <t>第M140021190号</t>
  </si>
  <si>
    <t>第M140021333号</t>
  </si>
  <si>
    <t>第M140021373号</t>
  </si>
  <si>
    <t>第M140021432号</t>
  </si>
  <si>
    <t>神奈川県鎌倉市台４－９－７</t>
  </si>
  <si>
    <t>神奈川県葉山町堀内字森戸１０２４番地４</t>
  </si>
  <si>
    <t>神奈川県逗子市新宿３－８－２８</t>
  </si>
  <si>
    <t>神奈川県鎌倉市十二所７７－５</t>
  </si>
  <si>
    <t>神奈川県秦野市曽屋６０１８－４</t>
  </si>
  <si>
    <t>第M140022023号</t>
  </si>
  <si>
    <t>神奈川県鎌倉市植木字植谷戸１１４番７―E</t>
  </si>
  <si>
    <t>第M140022037号</t>
  </si>
  <si>
    <t>神奈川県三浦市栄町１８－１３</t>
  </si>
  <si>
    <t>第M140022250号</t>
  </si>
  <si>
    <t>神奈川県鎌倉市稲村ケ崎３－１３－３６</t>
  </si>
  <si>
    <t>第M140022260号</t>
  </si>
  <si>
    <t>神奈川県鎌倉市七里ガ浜１－９－２０</t>
  </si>
  <si>
    <t>第M140023142号</t>
  </si>
  <si>
    <t>神奈川県鎌倉市腰越７４７番地３号坂巻貸家丹後山c1</t>
  </si>
  <si>
    <t>第M140023146号</t>
  </si>
  <si>
    <t>第M140023148号</t>
  </si>
  <si>
    <t>第M140023150号</t>
  </si>
  <si>
    <t>第M140023151号</t>
  </si>
  <si>
    <t>第M140023167号</t>
  </si>
  <si>
    <t>神奈川県大磯町月京３２－２３</t>
  </si>
  <si>
    <t>神奈川県鎌倉市長谷４-７-１６ハセハイムA1</t>
    <phoneticPr fontId="1"/>
  </si>
  <si>
    <t>神奈川県鎌倉市長谷４-７-１６ハセハイムB1</t>
    <phoneticPr fontId="1"/>
  </si>
  <si>
    <t>神奈川県鎌倉市長谷４-７-１６ハセハイムA2</t>
    <phoneticPr fontId="1"/>
  </si>
  <si>
    <t>神奈川県鎌倉市長谷４-７-１６ハセハイムB2</t>
    <phoneticPr fontId="1"/>
  </si>
  <si>
    <t>第M140023589号</t>
  </si>
  <si>
    <t>神奈川県鎌倉市材木座３－１７－２９</t>
  </si>
  <si>
    <t>第M140023599号</t>
  </si>
  <si>
    <t>第M140023644号</t>
  </si>
  <si>
    <t>第M140023817号</t>
  </si>
  <si>
    <t>神奈川県小田原市入生田２５５－４１ヒルトップ箱根入生田202</t>
  </si>
  <si>
    <t>神奈川県鎌倉市雪ノ下２-１７-１０</t>
    <phoneticPr fontId="1"/>
  </si>
  <si>
    <t>神奈川県鎌倉市七里ガ浜２－８－１３</t>
    <phoneticPr fontId="1"/>
  </si>
  <si>
    <t>第M140024105号</t>
  </si>
  <si>
    <t>神奈川県平塚市松風町２５－４０</t>
  </si>
  <si>
    <t>第M140024073号</t>
  </si>
  <si>
    <t>神奈川県鎌倉市稲村ガ崎１－２－１８Ｖｉｌｌａ　Ｐａｃｅ202</t>
  </si>
  <si>
    <t>第M140024075号</t>
  </si>
  <si>
    <t>第M140024074号</t>
  </si>
  <si>
    <t>神奈川県鎌倉市稲村ガ崎１－２－１８Ｖｉｌｌａ　Ｐａｃｅ203</t>
  </si>
  <si>
    <t>第M140024076号</t>
  </si>
  <si>
    <t>第M140024253号</t>
  </si>
  <si>
    <t>神奈川県鎌倉市大町２－３－２０クレドメゾン鎌倉201</t>
  </si>
  <si>
    <t>第M140024252号</t>
  </si>
  <si>
    <t>神奈川県逗子市久木５－４－３０</t>
  </si>
  <si>
    <t>第M140024463号</t>
  </si>
  <si>
    <t>神奈川県小田原市曽我別所１２７</t>
  </si>
  <si>
    <t>第M140024417号</t>
  </si>
  <si>
    <t>神奈川県鎌倉市浄明寺５－７－１８</t>
  </si>
  <si>
    <t>第M140024433号</t>
  </si>
  <si>
    <t>神奈川県鎌倉市稲村ガ崎１－２－１８Ｖｉｌｌａ　Ｐａｃｅ205</t>
    <phoneticPr fontId="1"/>
  </si>
  <si>
    <t>神奈川県鎌倉市稲村ガ崎１－２－１８Ｖｉｌｌａ　Ｐａｃｅ204</t>
    <phoneticPr fontId="1"/>
  </si>
  <si>
    <t>神奈川県逗子市久木６－４－１４</t>
    <phoneticPr fontId="1"/>
  </si>
  <si>
    <t>第M140025401号</t>
  </si>
  <si>
    <t>神奈川県伊勢原市高森２－４－１２</t>
  </si>
  <si>
    <t>第M140024725号</t>
  </si>
  <si>
    <t>神奈川県綾瀬市深谷南６－７－１７</t>
  </si>
  <si>
    <t>第M140024832号</t>
  </si>
  <si>
    <t>神奈川県鎌倉市佐助２－６－７</t>
  </si>
  <si>
    <t>第M140025044号</t>
  </si>
  <si>
    <t>神奈川県鎌倉市浄明寺４－４－１</t>
  </si>
  <si>
    <t>第M140025259号</t>
  </si>
  <si>
    <t>神奈川県鎌倉市大町１－１－１</t>
  </si>
  <si>
    <t>第M140025555号</t>
  </si>
  <si>
    <t>神奈川県三浦市諏訪町８－８</t>
  </si>
  <si>
    <t>第M140025557号</t>
  </si>
  <si>
    <t>神奈川県三浦市天神町１４－２０</t>
  </si>
  <si>
    <t>第M140025703号</t>
  </si>
  <si>
    <t>第M140025705号</t>
  </si>
  <si>
    <t>第M140025706号</t>
  </si>
  <si>
    <t>第M140025708号</t>
  </si>
  <si>
    <t>第M140025848号</t>
  </si>
  <si>
    <t>神奈川県箱根町仙石原１２４５番３６４の６ 1001</t>
    <phoneticPr fontId="1"/>
  </si>
  <si>
    <t>神奈川県箱根町仙石原１２４５番３６４の７ 102</t>
    <rPh sb="7" eb="10">
      <t>センゴクハラ</t>
    </rPh>
    <phoneticPr fontId="1"/>
  </si>
  <si>
    <t>神奈川県箱根町仙石原１２４５番３６４の２４ 411</t>
    <rPh sb="8" eb="9">
      <t>イシ</t>
    </rPh>
    <phoneticPr fontId="1"/>
  </si>
  <si>
    <t>神奈川県箱根町仙石原１２４５番３６４の２６ 412</t>
    <rPh sb="8" eb="9">
      <t>イシ</t>
    </rPh>
    <phoneticPr fontId="1"/>
  </si>
  <si>
    <t>神奈川県箱根町仙石原１２４５番３６４の２５ 511</t>
    <rPh sb="8" eb="9">
      <t>イシ</t>
    </rPh>
    <phoneticPr fontId="1"/>
  </si>
  <si>
    <t>第M140026018号</t>
  </si>
  <si>
    <t>第M140026110号</t>
  </si>
  <si>
    <t>神奈川県鎌倉市小町１－１０－１６</t>
  </si>
  <si>
    <t>神奈川県鎌倉市腰越１－５－６</t>
  </si>
  <si>
    <t>第M140026129号</t>
  </si>
  <si>
    <t>第M140026130号</t>
  </si>
  <si>
    <t>第M140026179号</t>
  </si>
  <si>
    <t>神奈川県平塚市横内３０４９－８</t>
  </si>
  <si>
    <t>神奈川県箱根町芦之湯９０-１２竹野亭</t>
    <phoneticPr fontId="1"/>
  </si>
  <si>
    <t>第M140026217号</t>
  </si>
  <si>
    <t>神奈川県鎌倉市常盤１００８－２</t>
  </si>
  <si>
    <t>第M140026239号</t>
  </si>
  <si>
    <t>神奈川県三浦市南下浦町上宮田１５２８番地９６</t>
  </si>
  <si>
    <t>第M140026257号</t>
  </si>
  <si>
    <t>神奈川県鎌倉市二階堂８３６－１０１</t>
  </si>
  <si>
    <t>第M140026258号</t>
  </si>
  <si>
    <t>第M140026274号</t>
  </si>
  <si>
    <t>神奈川県鎌倉市腰越７５３</t>
  </si>
  <si>
    <t>第M140026275号</t>
  </si>
  <si>
    <t>神奈川県鎌倉市稲村ガ崎１－１３－２６</t>
  </si>
  <si>
    <t>第M140026313号</t>
  </si>
  <si>
    <t>第M140026394号</t>
  </si>
  <si>
    <t>神奈川県鎌倉市津６０３－３５</t>
  </si>
  <si>
    <t>神奈川県鎌倉市扇ガ谷２-２１-２</t>
    <phoneticPr fontId="1"/>
  </si>
  <si>
    <t>神奈川県南足柄市飯沢２４２－２３</t>
    <phoneticPr fontId="1"/>
  </si>
  <si>
    <t>神奈川県鎌倉市二階堂８３６－１０２</t>
    <phoneticPr fontId="1"/>
  </si>
  <si>
    <t>神奈川県鎌倉市城廻字打越２７１番地２－２０２</t>
    <phoneticPr fontId="1"/>
  </si>
  <si>
    <t>神奈川県鎌倉市城廻字打越２７１番地２－２０１</t>
    <phoneticPr fontId="1"/>
  </si>
  <si>
    <t>神奈川県鎌倉市二階堂７７３－１２</t>
    <phoneticPr fontId="1"/>
  </si>
  <si>
    <t>第M140026706号</t>
  </si>
  <si>
    <t>第M140026910号</t>
  </si>
  <si>
    <t>神奈川県鎌倉市稲村ガ崎５－２９－６</t>
  </si>
  <si>
    <t>神奈川県三浦市三崎町諸磯１８８６−６</t>
    <phoneticPr fontId="1"/>
  </si>
  <si>
    <t>第M140027026号</t>
  </si>
  <si>
    <t>第M140027133号</t>
  </si>
  <si>
    <t>第M140027135号</t>
  </si>
  <si>
    <t>第M140027240号</t>
  </si>
  <si>
    <t>神奈川県箱根町仙石原１００１－５６ＰＲＩＳＭ　ＩＮＮ　ＳＥＮＧＯＫＵＨＡＲＡ</t>
  </si>
  <si>
    <t>神奈川県逗子市沼間１－８－２０　１階</t>
  </si>
  <si>
    <t>神奈川県真鶴町真鶴９４１</t>
  </si>
  <si>
    <t>神奈川県箱根町芦ノ湯８９－１５７邂逅（かいこう）</t>
    <phoneticPr fontId="1"/>
  </si>
  <si>
    <t>第M140027338号</t>
  </si>
  <si>
    <t>第M140027489号</t>
  </si>
  <si>
    <t>第M140027490号</t>
  </si>
  <si>
    <t>神奈川県鎌倉市佐助１−１２−１０</t>
    <phoneticPr fontId="1"/>
  </si>
  <si>
    <t>神奈川県三浦市南下浦町上宮田１４４５－１２Ｔｈｅ　Ｂｅａｃｈｆｒｏｎｔ　Ｍｉｕｒａｋａｉｇａｎ</t>
  </si>
  <si>
    <t>神奈川県箱根町大平台５７７－１</t>
  </si>
  <si>
    <t>神奈川県箱根町仙石原１１９７－１８６</t>
  </si>
  <si>
    <t>神奈川県箱根町元箱根１０３－５１３</t>
  </si>
  <si>
    <t>第M140027514号</t>
  </si>
  <si>
    <t>神奈川県鎌倉市笛田６丁目１９－１７</t>
  </si>
  <si>
    <t>第M140028064号</t>
  </si>
  <si>
    <t>第M140028717号</t>
  </si>
  <si>
    <t>第M140028811号</t>
  </si>
  <si>
    <t>神奈川県大井町山田１０７８番地</t>
  </si>
  <si>
    <t>神奈川県鎌倉市七里ガ浜東４-２-８</t>
    <phoneticPr fontId="1"/>
  </si>
  <si>
    <t>神奈川県鎌倉市鎌倉山２－２２－１８</t>
    <phoneticPr fontId="1"/>
  </si>
  <si>
    <t>第M140028974号</t>
  </si>
  <si>
    <t>第M140029062号</t>
  </si>
  <si>
    <t>第M140029340号</t>
  </si>
  <si>
    <t>第M140029343号</t>
  </si>
  <si>
    <t>神奈川県秦野市鈴張町２－１５</t>
  </si>
  <si>
    <t>神奈川県三浦市三崎町小網代４１９－１</t>
  </si>
  <si>
    <t>神奈川県箱根町元箱根９３－１４４</t>
  </si>
  <si>
    <t>神奈川県葉山町下山口１７７０番地１２</t>
  </si>
  <si>
    <t>第M140029442号</t>
  </si>
  <si>
    <t>第M140029443号</t>
  </si>
  <si>
    <t>第M140029508号</t>
  </si>
  <si>
    <t>第M140029544号</t>
  </si>
  <si>
    <t>第M140029826号</t>
  </si>
  <si>
    <t>神奈川県小田原市早川１丁目２０番１早川マンション1A</t>
  </si>
  <si>
    <t>神奈川県小田原市早川１丁目２０番１早川マンション1B</t>
  </si>
  <si>
    <t>神奈川県鎌倉市長谷１－１４－３４</t>
  </si>
  <si>
    <t>第M140029444号</t>
    <phoneticPr fontId="1"/>
  </si>
  <si>
    <t>神奈川県小田原市入生田２５５－４１ヒルトップ箱根入生田103</t>
    <phoneticPr fontId="1"/>
  </si>
  <si>
    <t>神奈川県鎌倉市雪ノ下１－６－１２</t>
    <phoneticPr fontId="1"/>
  </si>
  <si>
    <t>第M140029978号</t>
  </si>
  <si>
    <t>第M140029991号</t>
  </si>
  <si>
    <t>第M140030266号</t>
  </si>
  <si>
    <t>第M140030337号</t>
  </si>
  <si>
    <t>第M140030364号</t>
  </si>
  <si>
    <t>神奈川県葉山町一色２５１１－１１３</t>
  </si>
  <si>
    <t>神奈川県鎌倉市浄明寺四丁目４－１</t>
    <phoneticPr fontId="1"/>
  </si>
  <si>
    <t>神奈川県小田原市板橋３７９－１</t>
  </si>
  <si>
    <t>神奈川県湯河原町吉浜５９１－２</t>
  </si>
  <si>
    <t>神奈川県小田原市東町２－８－５</t>
  </si>
  <si>
    <t>第M140030492号</t>
  </si>
  <si>
    <t>第M140030766号</t>
  </si>
  <si>
    <t>神奈川県二宮町百合が丘１－５－９</t>
  </si>
  <si>
    <t>神奈川県鎌倉市鎌倉山１－８－８</t>
  </si>
  <si>
    <t>神奈川県三浦市三崎町諸磯字黒鯛込１５５０番２３</t>
  </si>
  <si>
    <t>第M140030880号</t>
  </si>
  <si>
    <t>第M140030881号</t>
  </si>
  <si>
    <t>第M140030882号</t>
  </si>
  <si>
    <t>第M140030914号</t>
  </si>
  <si>
    <t>第M140030977号</t>
  </si>
  <si>
    <t>第M140030978号</t>
  </si>
  <si>
    <t>第M140030979号</t>
  </si>
  <si>
    <t>第M140030980号</t>
  </si>
  <si>
    <t>第M140030981号</t>
  </si>
  <si>
    <t>第M140031055号</t>
  </si>
  <si>
    <t>第M140031170号</t>
  </si>
  <si>
    <t>第M140031174号</t>
  </si>
  <si>
    <t>神奈川県箱根町仙石原１２４５ー３６４仙石高原マンション206</t>
  </si>
  <si>
    <t>神奈川県箱根町元箱根２１ー２</t>
  </si>
  <si>
    <t>神奈川県湯河原町土肥５丁目５番地の５ＳＥＩＫＯ土肥ビル301</t>
  </si>
  <si>
    <t>神奈川県湯河原町土肥５丁目５番地の５ＳＥＩＫＯ土肥ビル302</t>
  </si>
  <si>
    <t>神奈川県湯河原町土肥５丁目５番地の５ＳＥＩＫＯ土肥ビル401</t>
  </si>
  <si>
    <t>神奈川県湯河原町土肥５丁目５番地の５ＳＥＩＫＯ土肥ビル402</t>
  </si>
  <si>
    <t>神奈川県逗子市小坪６－１６－２３</t>
  </si>
  <si>
    <t>神奈川県鎌倉市大町５‐４‐３５</t>
  </si>
  <si>
    <t>神奈川県小田原市入生田２５５－４１ヒルトップ箱根入生田102</t>
  </si>
  <si>
    <t>神奈川県鎌倉市浄明寺５－１１－４６</t>
    <phoneticPr fontId="1"/>
  </si>
  <si>
    <t>第M140030739号</t>
    <phoneticPr fontId="1"/>
  </si>
  <si>
    <t>神奈川県箱根町仙石原１２４５－３６４仙石高原マンション510</t>
    <phoneticPr fontId="1"/>
  </si>
  <si>
    <t>神奈川県鎌倉市由比ガ浜３丁目７－４１</t>
    <phoneticPr fontId="1"/>
  </si>
  <si>
    <t>第M140027370号</t>
    <phoneticPr fontId="1"/>
  </si>
  <si>
    <t>第M140031422号</t>
  </si>
  <si>
    <t>第M140031513号</t>
  </si>
  <si>
    <t>第M140031677号</t>
  </si>
  <si>
    <t>第M140031512号</t>
  </si>
  <si>
    <t>第M140031685号</t>
  </si>
  <si>
    <t>第M140031687号</t>
  </si>
  <si>
    <t>第M140031245号</t>
  </si>
  <si>
    <t>神奈川県鎌倉市稲村ガ崎３丁目５－２０</t>
  </si>
  <si>
    <t>神奈川県鎌倉市稲村ガ崎３丁目５－２２</t>
  </si>
  <si>
    <t>神奈川県箱根町芦ノ湯８９－１４３</t>
  </si>
  <si>
    <t>神奈川県葉山町一色５６９－８</t>
    <phoneticPr fontId="1"/>
  </si>
  <si>
    <t>第M140031790号</t>
  </si>
  <si>
    <t>第M140032100号</t>
  </si>
  <si>
    <t>第M140031789号</t>
  </si>
  <si>
    <t>第M140032151号</t>
  </si>
  <si>
    <t>神奈川県小田原市入生田２５５ー４１ヒルトップ箱根入生田203</t>
  </si>
  <si>
    <t>神奈川県三浦市南下浦町上宮田３４１０－３３</t>
  </si>
  <si>
    <t>神奈川県小田原市入生田２５５ー４１ヒルトップ箱根入生田201</t>
  </si>
  <si>
    <t>神奈川県二宮町二宮１４４４番地の３</t>
  </si>
  <si>
    <t>第M140032878号</t>
  </si>
  <si>
    <t>第M140032864号</t>
  </si>
  <si>
    <t>第M140032873号</t>
  </si>
  <si>
    <t>第M140033235号</t>
  </si>
  <si>
    <t>第M140032808号</t>
  </si>
  <si>
    <t>第M140033000号</t>
  </si>
  <si>
    <t>第M140033063号</t>
  </si>
  <si>
    <t>第M140032672号</t>
  </si>
  <si>
    <t>第M140032874号</t>
  </si>
  <si>
    <t>神奈川県真鶴町岩２５５－２</t>
  </si>
  <si>
    <t>神奈川県箱根町箱根５７２－１４</t>
  </si>
  <si>
    <t>神奈川県湯河原町福浦４１１－５</t>
  </si>
  <si>
    <t>神奈川県真鶴町真鶴１１０６－７</t>
  </si>
  <si>
    <t>神奈川県箱根町二ノ平１２９７－４１５１</t>
    <phoneticPr fontId="1"/>
  </si>
  <si>
    <t>神奈川県箱根町二ノ平１２９７－４１５２</t>
    <phoneticPr fontId="1"/>
  </si>
  <si>
    <t>神奈川県箱根町宮城野９００－３</t>
    <phoneticPr fontId="1"/>
  </si>
  <si>
    <t>神奈川県箱根町仙石原１２４６－７５８プチ・エターン箱根</t>
    <phoneticPr fontId="1"/>
  </si>
  <si>
    <t>神奈川県小田原市板橋１８９－１０</t>
    <phoneticPr fontId="1"/>
  </si>
  <si>
    <t>第M140033619号</t>
  </si>
  <si>
    <t>第M140033827号</t>
  </si>
  <si>
    <t>第M140033828号</t>
  </si>
  <si>
    <t>第M140033923号</t>
  </si>
  <si>
    <t>第M140034088号</t>
  </si>
  <si>
    <t>第M140034313号</t>
  </si>
  <si>
    <t>第M140034315号</t>
  </si>
  <si>
    <t>第M140034316号</t>
  </si>
  <si>
    <t>第M140034356号</t>
  </si>
  <si>
    <t>第M140034408号</t>
  </si>
  <si>
    <t>第M140034553号</t>
  </si>
  <si>
    <t>第M140033371号</t>
    <phoneticPr fontId="8"/>
  </si>
  <si>
    <t>神奈川県三浦市南下浦町上宮田３４０８－５</t>
  </si>
  <si>
    <t>神奈川県箱根町湯本８７０−４</t>
  </si>
  <si>
    <t>神奈川県三浦市南下浦町上宮田９６８ー１Ａ棟</t>
  </si>
  <si>
    <t>神奈川県三浦市南下浦町上宮田９６８ー１Ｂ棟</t>
  </si>
  <si>
    <t>神奈川県箱根町湯本１４４−１５箱根和邸</t>
  </si>
  <si>
    <t>神奈川県鎌倉市大船２０７８－１</t>
  </si>
  <si>
    <t>神奈川県箱根町箱根５７２−８２</t>
  </si>
  <si>
    <t>神奈川県鎌倉市七里ガ浜１−１−１ウィークエンドハウスアレイ304</t>
  </si>
  <si>
    <t>神奈川県葉山町堀内１３７３－３</t>
  </si>
  <si>
    <t>神奈川県真鶴町岩６０６－１貴和家　真鶴岩海岸</t>
  </si>
  <si>
    <t>神奈川県鎌倉市浄明寺５－１１－３９</t>
  </si>
  <si>
    <t>神奈川県厚木市中町１－８－１４</t>
    <phoneticPr fontId="1"/>
  </si>
  <si>
    <t>神奈川県山北町皆瀬川２１３２</t>
    <phoneticPr fontId="1"/>
  </si>
  <si>
    <t>第M140035060号</t>
  </si>
  <si>
    <t>第M140035117号</t>
  </si>
  <si>
    <t>第M140035171号</t>
  </si>
  <si>
    <t>第M140035172号</t>
  </si>
  <si>
    <t>第M140035447号</t>
  </si>
  <si>
    <t>第M140035819号</t>
  </si>
  <si>
    <t>第M140035844号</t>
  </si>
  <si>
    <t>第M140035900号</t>
  </si>
  <si>
    <t>第M140035973号</t>
  </si>
  <si>
    <t>第M140035974号</t>
  </si>
  <si>
    <t>第M140036065号</t>
  </si>
  <si>
    <t>神奈川県鎌倉市浄明寺４―４―２４</t>
  </si>
  <si>
    <t>神奈川県箱根町仙石原２８９ー４</t>
  </si>
  <si>
    <t>神奈川県小田原市穴部４２８－２</t>
  </si>
  <si>
    <t>神奈川県大磯町東町２ー１ー８</t>
  </si>
  <si>
    <t>神奈川県大井町大井町上大井３７７番７</t>
  </si>
  <si>
    <t>神奈川県鎌倉市坂ノ下１３－１９</t>
  </si>
  <si>
    <t>神奈川県鎌倉市由比ガ浜３−７−４１由比若宮303</t>
  </si>
  <si>
    <t>神奈川県鎌倉市山ノ内９３８</t>
  </si>
  <si>
    <t>神奈川県鎌倉市浄明寺５－１０－２０</t>
  </si>
  <si>
    <t>神奈川県逗子市小坪７－１１－２６</t>
    <phoneticPr fontId="1"/>
  </si>
  <si>
    <t>神奈川県愛川町半原２５７４</t>
  </si>
  <si>
    <t>神奈川県鎌倉市稲村ガ崎５－１４－４A</t>
  </si>
  <si>
    <t>神奈川県鎌倉市稲村ガ崎５－１４－４B</t>
  </si>
  <si>
    <t>神奈川県三浦市南下浦町菊名１０８９番地１１</t>
  </si>
  <si>
    <t>神奈川県鎌倉市稲村ガ崎１－１５－１５</t>
  </si>
  <si>
    <t>神奈川県大磯町国府本郷１２６４ｔｈｅ　ｓｔｕｄｉｏ　ｏｉｓｏ2A</t>
  </si>
  <si>
    <t>神奈川県三浦市東岡町１１－２</t>
  </si>
  <si>
    <t>神奈川県鎌倉市七里ガ浜東２－２６－７</t>
  </si>
  <si>
    <t>神奈川県箱根町大平台４１２−１</t>
  </si>
  <si>
    <t>神奈川県鎌倉市材木座４－１－７</t>
  </si>
  <si>
    <t>神奈川県鎌倉市台１９３６－１</t>
  </si>
  <si>
    <t>神奈川県厚木市恩名２－１１－２８</t>
  </si>
  <si>
    <t>神奈川県葉山町堀内１０４８－２</t>
  </si>
  <si>
    <t>第M140036281号</t>
    <phoneticPr fontId="1"/>
  </si>
  <si>
    <t>第M140036319号</t>
    <phoneticPr fontId="1"/>
  </si>
  <si>
    <t>第M140036320号</t>
    <phoneticPr fontId="1"/>
  </si>
  <si>
    <t>第M140036459号</t>
    <phoneticPr fontId="1"/>
  </si>
  <si>
    <t>第M140036562号</t>
    <phoneticPr fontId="1"/>
  </si>
  <si>
    <t>第M140036650号</t>
    <phoneticPr fontId="1"/>
  </si>
  <si>
    <t>第M140036730号</t>
    <phoneticPr fontId="1"/>
  </si>
  <si>
    <t>第M140036869号</t>
    <phoneticPr fontId="1"/>
  </si>
  <si>
    <t>第M140036984号</t>
    <phoneticPr fontId="1"/>
  </si>
  <si>
    <t>第M140037036号</t>
    <phoneticPr fontId="1"/>
  </si>
  <si>
    <t>第M140037047号</t>
    <phoneticPr fontId="1"/>
  </si>
  <si>
    <t>第M140037132号</t>
    <phoneticPr fontId="1"/>
  </si>
  <si>
    <t>第M140037239号</t>
    <phoneticPr fontId="1"/>
  </si>
  <si>
    <t>神奈川県箱根町箱根５７１－２３Ⅼ棟</t>
    <phoneticPr fontId="1"/>
  </si>
  <si>
    <t>第M140037266号</t>
  </si>
  <si>
    <t>第M140037403号</t>
  </si>
  <si>
    <t>第M140037517号</t>
  </si>
  <si>
    <t>第M140037560号</t>
  </si>
  <si>
    <t>第M140037547号</t>
  </si>
  <si>
    <t>第M140037549号</t>
  </si>
  <si>
    <t>第M140037550号</t>
  </si>
  <si>
    <t>第M140037551号</t>
  </si>
  <si>
    <t>第M140037552号</t>
  </si>
  <si>
    <t>第M140037553号</t>
  </si>
  <si>
    <t>第M140037554号</t>
  </si>
  <si>
    <t>第M140037556号</t>
  </si>
  <si>
    <t>第M140037557号</t>
  </si>
  <si>
    <t>第M140037561号</t>
  </si>
  <si>
    <t>第M140037562号</t>
  </si>
  <si>
    <t>第M140037563号</t>
  </si>
  <si>
    <t>第M140037564号</t>
  </si>
  <si>
    <t>第M140037565号</t>
  </si>
  <si>
    <t>第M140037566号</t>
  </si>
  <si>
    <t>第M140037567号</t>
  </si>
  <si>
    <t>第M140037568号</t>
  </si>
  <si>
    <t>第M140037569号</t>
  </si>
  <si>
    <t>第M140037574号</t>
  </si>
  <si>
    <t>第M140037572号</t>
  </si>
  <si>
    <t>第M140037576号</t>
  </si>
  <si>
    <t>第M140037579号</t>
  </si>
  <si>
    <t>第M140037580号</t>
  </si>
  <si>
    <t>第M140037581号</t>
  </si>
  <si>
    <t>第M140037677号</t>
  </si>
  <si>
    <t>第M140037689号</t>
  </si>
  <si>
    <t>第M140037690号</t>
  </si>
  <si>
    <t>第M140037714号</t>
  </si>
  <si>
    <t>第M140037780号</t>
  </si>
  <si>
    <t>第M140037891号</t>
  </si>
  <si>
    <t>第M140037895号</t>
  </si>
  <si>
    <t>第M140038258号</t>
  </si>
  <si>
    <t>第M140038391号</t>
  </si>
  <si>
    <t>第M140038362号</t>
  </si>
  <si>
    <t>第M140038919号</t>
  </si>
  <si>
    <t>第M140038831号</t>
  </si>
  <si>
    <t>神奈川県湯河原町吉浜３２４－１１ｍｅｒ　ｃａｌｍｅ</t>
  </si>
  <si>
    <t>神奈川県小田原市上新田１４１－６</t>
  </si>
  <si>
    <t>神奈川県鎌倉市今泉台１－１１－９</t>
  </si>
  <si>
    <t>神奈川県箱根町仙石原２９―１ＢＬＩＳＳＴＩＡ箱根仙石原217</t>
  </si>
  <si>
    <t>神奈川県箱根町仙石原２９―１ＢＬＩＳＳＴＩＡ箱根仙石原208</t>
  </si>
  <si>
    <t>神奈川県箱根町仙石原２９―１ＢＬＩＳＳＴＩＡ箱根仙石原209</t>
  </si>
  <si>
    <t>神奈川県箱根町仙石原２９―１ＢＬＩＳＳＴＩＡ箱根仙石原210</t>
  </si>
  <si>
    <t>神奈川県箱根町仙石原２９―１ＢＬＩＳＳＴＩＡ箱根仙石原211</t>
  </si>
  <si>
    <t>神奈川県箱根町仙石原２９―１ＢＬＩＳＳＴＩＡ箱根仙石原212</t>
  </si>
  <si>
    <t>神奈川県箱根町仙石原２９―１ＢＬＩＳＳＴＩＡ箱根仙石原213</t>
  </si>
  <si>
    <t>神奈川県箱根町仙石原２９―１ＢＬＩＳＳＴＩＡ箱根仙石原214</t>
  </si>
  <si>
    <t>神奈川県箱根町仙石原２９―１ＢＬＩＳＳＴＩＡ箱根仙石原215</t>
  </si>
  <si>
    <t>神奈川県箱根町仙石原２９―１ＢＬＩＳＳＴＩＡ箱根仙石原216</t>
  </si>
  <si>
    <t>神奈川県箱根町仙石原２９―１ＢＬＩＳＳＴＩＡ箱根仙石原218</t>
  </si>
  <si>
    <t>神奈川県箱根町仙石原２９―１ＢＬＩＳＳＴＩＡ箱根仙石原312</t>
  </si>
  <si>
    <t>神奈川県箱根町仙石原２９―１ＢＬＩＳＳＴＩＡ箱根仙石原313</t>
  </si>
  <si>
    <t>神奈川県箱根町仙石原２９―１ＢＬＩＳＳＴＩＡ箱根仙石原314</t>
  </si>
  <si>
    <t>神奈川県箱根町仙石原２９―１ＢＬＩＳＳＴＩＡ箱根仙石原315</t>
  </si>
  <si>
    <t>神奈川県箱根町仙石原２９―１ＢＬＩＳＳＴＩＡ箱根仙石原316</t>
  </si>
  <si>
    <t>神奈川県箱根町仙石原２９―１ＢＬＩＳＳＴＩＡ箱根仙石原317</t>
  </si>
  <si>
    <t>神奈川県箱根町仙石原２９―１ＢＬＩＳＳＴＩＡ箱根仙石原318</t>
  </si>
  <si>
    <t>神奈川県箱根町仙石原２９―１ＢＬＩＳＳＴＩＡ箱根仙石原412</t>
  </si>
  <si>
    <t>神奈川県箱根町仙石原２９―１ＢＬＩＳＳＴＩＡ箱根仙石原414</t>
  </si>
  <si>
    <t>神奈川県箱根町仙石原２９―１ＢＬＩＳＳＴＩＡ箱根仙石原413</t>
  </si>
  <si>
    <t>神奈川県箱根町仙石原２９―１ＢＬＩＳＳＴＩＡ箱根仙石原415</t>
  </si>
  <si>
    <t>神奈川県箱根町仙石原２９―１ＢＬＩＳＳＴＩＡ箱根仙石原416</t>
  </si>
  <si>
    <t>神奈川県箱根町仙石原２９―１ＢＬＩＳＳＴＩＡ箱根仙石原418</t>
  </si>
  <si>
    <t>神奈川県箱根町仙石原２９―１ＢＬＩＳＳＴＩＡ箱根仙石原417</t>
  </si>
  <si>
    <t>神奈川県小田原市入生田２５５－４１ヒルトップ箱根入生田101</t>
  </si>
  <si>
    <t>神奈川県葉山町一色１７０６加地邸</t>
  </si>
  <si>
    <t>神奈川県平塚市老松町２－１９読売高野ビル601</t>
  </si>
  <si>
    <t>神奈川県平塚市老松町２－１９読売高野ビル701</t>
  </si>
  <si>
    <t>神奈川県鎌倉市山ノ内１１０１－１</t>
  </si>
  <si>
    <t>神奈川県逗子市新宿４－３－６</t>
  </si>
  <si>
    <t>神奈川県箱根町箱根１４１－１</t>
  </si>
  <si>
    <t>神奈川県葉山町一色１２２９－７</t>
  </si>
  <si>
    <t>神奈川県厚木市七沢２０９６</t>
  </si>
  <si>
    <t>神奈川県二宮町二宮１２３９番地の１８</t>
  </si>
  <si>
    <t>神奈川県鎌倉市稲村ケ崎１－１７－４</t>
  </si>
  <si>
    <t>神奈川県小田原市板橋１０２</t>
  </si>
  <si>
    <t>神奈川県清川村煤ヶ谷３５２６－１－２</t>
    <phoneticPr fontId="1"/>
  </si>
  <si>
    <t>神奈川県大磯町東町１－９－１７海鈴ＯＭＯＹＡ</t>
    <phoneticPr fontId="1"/>
  </si>
  <si>
    <t>第M140038717号</t>
    <phoneticPr fontId="1"/>
  </si>
  <si>
    <t>第M140039019号</t>
  </si>
  <si>
    <t>第M140039071号</t>
  </si>
  <si>
    <t>第M140039256号</t>
  </si>
  <si>
    <t>第M140039453号</t>
  </si>
  <si>
    <t>第M140040156号</t>
  </si>
  <si>
    <t>第M140040197号</t>
  </si>
  <si>
    <t>第M140040379号</t>
  </si>
  <si>
    <t>第M140040419号</t>
  </si>
  <si>
    <t>第M140040469号</t>
  </si>
  <si>
    <t>神奈川県鎌倉市極楽寺２－１１−２０</t>
  </si>
  <si>
    <t>神奈川県大井町金手１０５０－２</t>
  </si>
  <si>
    <t>神奈川県小田原市南町１－８－１５</t>
  </si>
  <si>
    <t>神奈川県二宮町二宮３６２－１８</t>
  </si>
  <si>
    <t>神奈川県葉山町長柄１３１１－１</t>
  </si>
  <si>
    <t>神奈川県大和市鶴間２－４－１６</t>
  </si>
  <si>
    <t>神奈川県湯河原町宮上２１８－１</t>
  </si>
  <si>
    <t>神奈川県逗子市山の根３丁目２－９</t>
  </si>
  <si>
    <t>第M140040564号</t>
  </si>
  <si>
    <t>第M140040596号</t>
  </si>
  <si>
    <t>第M140040701号</t>
  </si>
  <si>
    <t>第M140041008号</t>
  </si>
  <si>
    <t>第M140041184号</t>
  </si>
  <si>
    <t>第M140041322号</t>
  </si>
  <si>
    <t>第M140041324号</t>
  </si>
  <si>
    <t>第M140041327号</t>
  </si>
  <si>
    <t>第M140041328号</t>
  </si>
  <si>
    <t>第M140041345号</t>
  </si>
  <si>
    <t>第M140041346号</t>
  </si>
  <si>
    <t>第M140041796号</t>
  </si>
  <si>
    <t>第M140041797号</t>
  </si>
  <si>
    <t>第M140041798号</t>
  </si>
  <si>
    <t>第M140041856号</t>
  </si>
  <si>
    <t>第M140041908号</t>
  </si>
  <si>
    <t>第M140042007号</t>
  </si>
  <si>
    <t>第M140042146号</t>
  </si>
  <si>
    <t>第M140042150号</t>
  </si>
  <si>
    <t>第M140042152号</t>
  </si>
  <si>
    <t>第M140042153号</t>
  </si>
  <si>
    <t>第M140042266号</t>
  </si>
  <si>
    <t>第M140042313号</t>
  </si>
  <si>
    <t>第M140042323号</t>
  </si>
  <si>
    <t>第M140042364号</t>
  </si>
  <si>
    <t>第M140042452号</t>
  </si>
  <si>
    <t>第M140042541号</t>
  </si>
  <si>
    <t>第M140042681号</t>
  </si>
  <si>
    <t>第M140042682号</t>
  </si>
  <si>
    <t>神奈川県大和市つきみ野５－１３－２</t>
  </si>
  <si>
    <t>神奈川県鎌倉市常盤１００７</t>
  </si>
  <si>
    <t>神奈川県葉山町堀内１１７番地１０</t>
  </si>
  <si>
    <t>神奈川県秦野市下大槻２３４番地２国際学舎大槻会館205</t>
  </si>
  <si>
    <t>神奈川県秦野市下大槻２３４番地２国際学舎大槻会館207</t>
  </si>
  <si>
    <t>神奈川県秦野市下大槻２３４番地２国際学舎大槻会館201</t>
  </si>
  <si>
    <t>神奈川県秦野市下大槻２３４番地２国際学舎大槻会館204</t>
  </si>
  <si>
    <t>神奈川県鎌倉市長谷一丁目１３番１１−２号</t>
  </si>
  <si>
    <t>神奈川県鎌倉市長谷一丁目１３番１１－３号</t>
  </si>
  <si>
    <t>神奈川県鎌倉市極楽寺４－１１－７</t>
  </si>
  <si>
    <t>神奈川県葉山町一色１５１７－２</t>
  </si>
  <si>
    <t>神奈川県逗子市沼間５－８－１</t>
  </si>
  <si>
    <t>神奈川県鎌倉市笛田３－６－４０</t>
  </si>
  <si>
    <t>神奈川県三浦市三崎町小綱代１６４ー６</t>
  </si>
  <si>
    <t>神奈川県逗子市小坪１－３３－２ヴィアコリーナ逗子7</t>
  </si>
  <si>
    <t>神奈川県湯河原町宮上７４９‐１６０</t>
  </si>
  <si>
    <t>神奈川県葉山町長柄６０１－４</t>
  </si>
  <si>
    <t>神奈川県鎌倉市浄明寺３－９－１３</t>
  </si>
  <si>
    <t>神奈川県鎌倉市腰越１－１２－２</t>
  </si>
  <si>
    <t>神奈川県三浦市初声町和田３４９２</t>
  </si>
  <si>
    <t>神奈川県鎌倉市由比ガ浜３－４－８</t>
  </si>
  <si>
    <t>神奈川県鎌倉市台１７１８－１０</t>
  </si>
  <si>
    <t>神奈川県箱根町芦之湯９３－１７６－１望森荘</t>
  </si>
  <si>
    <t>神奈川県箱根町仙台原１１０８－１９８</t>
  </si>
  <si>
    <t>神奈川県二宮町山西１５６番地２</t>
  </si>
  <si>
    <t>神奈川県小田原市米神４６５</t>
  </si>
  <si>
    <t>神奈川県鎌倉市坂ノ下２７−３６オリゾンテ鎌倉301</t>
  </si>
  <si>
    <t>神奈川県湯河原町中央２－６－１４</t>
    <rPh sb="8" eb="10">
      <t>チュウオウ</t>
    </rPh>
    <phoneticPr fontId="1"/>
  </si>
  <si>
    <t>神奈川県三浦市南下浦町毘沙門１９４４</t>
    <phoneticPr fontId="1"/>
  </si>
  <si>
    <t>第M140042805号</t>
  </si>
  <si>
    <t>第M140042985号</t>
  </si>
  <si>
    <t>第M140043072号</t>
  </si>
  <si>
    <t>第M140043088号</t>
  </si>
  <si>
    <t>第M140043359号</t>
  </si>
  <si>
    <t>第M140043377号</t>
  </si>
  <si>
    <t>第M140043382号</t>
  </si>
  <si>
    <t>第M140043402号</t>
  </si>
  <si>
    <t>第M140043403号</t>
  </si>
  <si>
    <t>第M140043416号</t>
  </si>
  <si>
    <t>第M140043417号</t>
  </si>
  <si>
    <t>第M140043437号</t>
  </si>
  <si>
    <t>第M140043524号</t>
  </si>
  <si>
    <t>第M140043527号</t>
  </si>
  <si>
    <t>第M140043556号</t>
  </si>
  <si>
    <t>第M140043758号</t>
  </si>
  <si>
    <t>第M140044004号</t>
  </si>
  <si>
    <t>第M140044102号</t>
  </si>
  <si>
    <t>第M140044600号</t>
  </si>
  <si>
    <t>第M140044852号</t>
  </si>
  <si>
    <t>神奈川県小田原市堀之内１９４―４</t>
  </si>
  <si>
    <t>神奈川県小田原市鴨宮３２６－２</t>
  </si>
  <si>
    <t>神奈川県逗子市久木６－４－１４</t>
  </si>
  <si>
    <t>神奈川県箱根町湯本４２３ー５</t>
  </si>
  <si>
    <t>神奈川県湯河原町宮上２１９－１</t>
  </si>
  <si>
    <t>神奈川県南足柄市内山１０５７番２</t>
  </si>
  <si>
    <t>神奈川県鎌倉市津西２－１３－７</t>
  </si>
  <si>
    <t>神奈川県三浦市三崎町諸磯１８７０－１</t>
  </si>
  <si>
    <t>神奈川県三浦市三崎町諸磯１８８１－３</t>
  </si>
  <si>
    <t>神奈川県小田原市城山二丁目１６番１５号ＦａｂｕｌｏｕｓＯｄａｗａｒａ</t>
  </si>
  <si>
    <t>神奈川県鎌倉市腰越４－７－３１</t>
  </si>
  <si>
    <t>神奈川県鎌倉市由比ヶ浜１－４－２７ハイム由比201</t>
  </si>
  <si>
    <t>神奈川県葉山町木古庭１７５８</t>
  </si>
  <si>
    <t>神奈川県二宮町山西１５９番地２９</t>
  </si>
  <si>
    <t>神奈川県鎌倉市浄明寺三丁目８番１４号</t>
  </si>
  <si>
    <t>神奈川県鎌倉市極楽寺１－６－１６</t>
  </si>
  <si>
    <t>神奈川県海老名市門沢橋３－４－３３</t>
  </si>
  <si>
    <t>神奈川県鎌倉市雪ノ下１丁目１５－５</t>
  </si>
  <si>
    <t>神奈川県鎌倉市長谷４－３－２０</t>
    <phoneticPr fontId="1"/>
  </si>
  <si>
    <t>神奈川県葉山町下山口１７３９－１</t>
    <phoneticPr fontId="1"/>
  </si>
  <si>
    <t>第M140045085号</t>
    <phoneticPr fontId="1"/>
  </si>
  <si>
    <t>神奈川県箱根町湯本茶屋２３０ー３２コンドミニアム桜B3</t>
    <phoneticPr fontId="1"/>
  </si>
  <si>
    <t>第M140045199号</t>
  </si>
  <si>
    <t>第M140045305号</t>
  </si>
  <si>
    <t>第M140045316号</t>
  </si>
  <si>
    <t>第M140045317号</t>
  </si>
  <si>
    <t>第M140045318号</t>
  </si>
  <si>
    <t>第M140045357号</t>
  </si>
  <si>
    <t>第M140045370号</t>
  </si>
  <si>
    <t>第M140045729号</t>
  </si>
  <si>
    <t>第M140045984号</t>
  </si>
  <si>
    <t>第M140046326号</t>
  </si>
  <si>
    <t>第M140046353号</t>
  </si>
  <si>
    <t>第M140046396号</t>
  </si>
  <si>
    <t>第M140046610号</t>
  </si>
  <si>
    <t>第M140046613号</t>
  </si>
  <si>
    <t>第M140046646号</t>
  </si>
  <si>
    <t>第M140046648号</t>
  </si>
  <si>
    <t>第M140046826号</t>
  </si>
  <si>
    <t>第M140046840号</t>
  </si>
  <si>
    <t>神奈川県三浦市南下浦町上宮田４９４－１０</t>
  </si>
  <si>
    <t>神奈川県大磯町西小磯１２３２の７</t>
  </si>
  <si>
    <t>神奈川県鎌倉市御成町１４－３ＳＹＬＡ　ＴＥＲＲＡＣＥ　ＫＡＭＡＫＵＲＡ202</t>
  </si>
  <si>
    <t>神奈川県鎌倉市御成町１４－３ＳＹＬＡ　ＴＥＲＲＡＣＥ　ＫＡＭＡＫＵＲＡ203</t>
  </si>
  <si>
    <t>神奈川県鎌倉市御成町１４－３ＳＹＬＡ　ＴＥＲＲＡＣＥ　ＫＡＭＡＫＵＲＡ204</t>
  </si>
  <si>
    <t>神奈川県鎌倉市山ノ内４９２番地</t>
  </si>
  <si>
    <t>神奈川県秦野市東田原字御嶽６３９番地２１</t>
  </si>
  <si>
    <t>神奈川県湯河原町吉浜１９９２－１０</t>
  </si>
  <si>
    <t>神奈川県鎌倉市常盤１００５－１</t>
  </si>
  <si>
    <t>神奈川県湯河原町中央５の１５７１</t>
  </si>
  <si>
    <t>神奈川県大和市西鶴間１丁目２１番地１５号</t>
  </si>
  <si>
    <t>神奈川県葉山町堀内４９７－３</t>
  </si>
  <si>
    <t>神奈川県鎌倉市小町２－６－２７</t>
  </si>
  <si>
    <t>神奈川県大和市草柳２－２１－１０</t>
  </si>
  <si>
    <t>神奈川県伊勢原市石田１４２６－８ポエム湘南101</t>
    <phoneticPr fontId="1"/>
  </si>
  <si>
    <t>神奈川県伊勢原市石田１４２６－８ポエム湘南103</t>
    <phoneticPr fontId="1"/>
  </si>
  <si>
    <t>神奈川県鎌倉市浄明寺３－１０－１３</t>
    <phoneticPr fontId="1"/>
  </si>
  <si>
    <t>神奈川県葉山町一色１０９８－４</t>
    <phoneticPr fontId="1"/>
  </si>
  <si>
    <t>第M140047357号</t>
  </si>
  <si>
    <t>第M140047573号</t>
  </si>
  <si>
    <t>第M140047580号</t>
  </si>
  <si>
    <t>第M140047743号</t>
  </si>
  <si>
    <t>第M140048117号</t>
  </si>
  <si>
    <t>第M140048277号</t>
  </si>
  <si>
    <t>第M140048280号</t>
  </si>
  <si>
    <t>第M140048281号</t>
  </si>
  <si>
    <t>第M140048282号</t>
  </si>
  <si>
    <t>第M140048295号</t>
  </si>
  <si>
    <t>第M140048341号</t>
  </si>
  <si>
    <t>第M140048472号</t>
  </si>
  <si>
    <t>第M140048608号</t>
  </si>
  <si>
    <t>第M140048674号</t>
  </si>
  <si>
    <t>第M140048855号</t>
  </si>
  <si>
    <t>第M140049038号</t>
  </si>
  <si>
    <t>第M140049128号</t>
  </si>
  <si>
    <t>第M140049542号</t>
  </si>
  <si>
    <t>第M140049560号</t>
  </si>
  <si>
    <t>第M140049561号</t>
  </si>
  <si>
    <t>第M140049562号</t>
  </si>
  <si>
    <t>第M140049563号</t>
  </si>
  <si>
    <t>神奈川県箱根町ニノ平１２９７ー２７０箱根温泉別邸　黒鷺</t>
  </si>
  <si>
    <t>神奈川県真鶴町真鶴１８６２－４９</t>
  </si>
  <si>
    <t>神奈川県大井町赤田７７３</t>
  </si>
  <si>
    <t>神奈川県大磯町大磯１５６０</t>
  </si>
  <si>
    <t>神奈川県鎌倉市坂ノ下２７－３８101</t>
  </si>
  <si>
    <t>神奈川県鎌倉市坂ノ下２７－３８201</t>
  </si>
  <si>
    <t>神奈川県逗子市久木４－２０－１３</t>
  </si>
  <si>
    <t>神奈川県葉山町上山口１４８２－１</t>
  </si>
  <si>
    <t>神奈川県箱根町木賀９４６－９</t>
  </si>
  <si>
    <t>神奈川県葉山町堀内１２１１番地２</t>
  </si>
  <si>
    <t>神奈川県秦野市下大槻２３４番地２国際学舎大槻会館203</t>
  </si>
  <si>
    <t>神奈川県大井町山田１８０８</t>
  </si>
  <si>
    <t>神奈川県鎌倉市由比ガ浜二丁目２０－１２</t>
  </si>
  <si>
    <t>神奈川県鎌倉市台４－１５－３２ハーミットクラブハウス富士見町エー号棟101</t>
  </si>
  <si>
    <t>神奈川県鎌倉市台４－１５－３２ハーミットクラブハウス富士見町エー号棟102</t>
  </si>
  <si>
    <t>神奈川県鎌倉市台４－１５－３２ハーミットクラブハウス富士見町エー号棟103</t>
  </si>
  <si>
    <t>神奈川県鎌倉市台４－１５－３２ハーミットクラブハウス富士見町エー号棟104</t>
  </si>
  <si>
    <t>神奈川県(中郡)二宮町山西３５番地１７６</t>
    <phoneticPr fontId="1"/>
  </si>
  <si>
    <t>神奈川県秦野市本町２－８－２７－２</t>
    <phoneticPr fontId="1"/>
  </si>
  <si>
    <t>神奈川県葉山町長柄１０４５－７</t>
    <phoneticPr fontId="1"/>
  </si>
  <si>
    <t>第M140049752号</t>
  </si>
  <si>
    <t>第M140049761号</t>
  </si>
  <si>
    <t>第M140049913号</t>
  </si>
  <si>
    <t>第M140050008号</t>
  </si>
  <si>
    <t>第M140050029号</t>
  </si>
  <si>
    <t>第M140050076号</t>
  </si>
  <si>
    <t>第M140050224号</t>
  </si>
  <si>
    <t>第M140050378号</t>
  </si>
  <si>
    <t>第M140050433号</t>
  </si>
  <si>
    <t>第M140050547号</t>
  </si>
  <si>
    <t>第M140050548号</t>
  </si>
  <si>
    <t>第M140050757号</t>
  </si>
  <si>
    <t>第M140050920号</t>
  </si>
  <si>
    <t>第M140050960号</t>
  </si>
  <si>
    <t>第M140050967号</t>
  </si>
  <si>
    <t>第M140051005号</t>
  </si>
  <si>
    <t>第M140051102号</t>
  </si>
  <si>
    <t>第M140051166号</t>
  </si>
  <si>
    <t>第M140051587号</t>
  </si>
  <si>
    <t>第M140051640号</t>
  </si>
  <si>
    <t>第M140051651号</t>
  </si>
  <si>
    <t>第M140051657号</t>
  </si>
  <si>
    <t>第M140051663号</t>
  </si>
  <si>
    <t>第M140051703号</t>
  </si>
  <si>
    <t>第M140051736号</t>
  </si>
  <si>
    <t>第M140051815号</t>
  </si>
  <si>
    <t>第M140051870号</t>
  </si>
  <si>
    <t>第M140051927号</t>
  </si>
  <si>
    <t>第M140052034号</t>
  </si>
  <si>
    <t>第M140052053号</t>
  </si>
  <si>
    <t>第M140052067号</t>
  </si>
  <si>
    <t>第M140052520号</t>
  </si>
  <si>
    <t>第M140052521号</t>
  </si>
  <si>
    <t>第M140052522号</t>
  </si>
  <si>
    <t>第M140052547号</t>
  </si>
  <si>
    <t>第M140052620号</t>
  </si>
  <si>
    <t>神奈川県鎌倉市七里ヶ浜２－２０－５Ａｔｔｅｎｔｉｏｎ　Ｓｔｕｄｉｏ</t>
  </si>
  <si>
    <t>神奈川県秦野市西大竹２８６－１</t>
  </si>
  <si>
    <t>神奈川県鎌倉市腰越１－１０－３４</t>
  </si>
  <si>
    <t>神奈川県鎌倉市稲村ケ崎一丁目１７番２２号無し</t>
  </si>
  <si>
    <t>神奈川県鎌倉市雪ノ下１－４－２６</t>
  </si>
  <si>
    <t>神奈川県葉山町一色１７８６</t>
  </si>
  <si>
    <t>神奈川県葉山町一色１９１８－１の２</t>
  </si>
  <si>
    <t>神奈川県葉山町堀内９５０－１</t>
  </si>
  <si>
    <t>神奈川県鎌倉市腰越２－１３－７</t>
  </si>
  <si>
    <t>神奈川県葉山町長柄４５－８</t>
  </si>
  <si>
    <t>神奈川県鎌倉市腰越７５７－５鎌倉　富士山と絶景の館</t>
  </si>
  <si>
    <t>神奈川県逗子市池子１－２－８グリーンフィールド</t>
  </si>
  <si>
    <t>神奈川県鎌倉市雪ノ下５６１－８</t>
  </si>
  <si>
    <t>神奈川県鎌倉市七里ガ浜１－８－６ＳＩＣＩＬｉ</t>
  </si>
  <si>
    <t>神奈川県鎌倉市鎌倉山二丁目２８番２号常若社</t>
  </si>
  <si>
    <t>神奈川県鎌倉市鎌倉山二丁目２８番２号沖永庵</t>
  </si>
  <si>
    <t>神奈川県大和市福田１８３１ー５７</t>
  </si>
  <si>
    <t>神奈川県葉山町長柄７０５番地３０１パールヴィラ葉山</t>
  </si>
  <si>
    <t>神奈川県鎌倉市笛田５丁目４０番２３号</t>
  </si>
  <si>
    <t>神奈川県大井町篠窪５３</t>
  </si>
  <si>
    <t>神奈川県大井町赤田１６５番地</t>
  </si>
  <si>
    <t>神奈川県真鶴町真鶴１９４７ー３０ハーバースイート真鶴</t>
  </si>
  <si>
    <t>神奈川県鎌倉市由比ガ浜３－３－２１Ｇ・Ｈ　ＫＡＭＡＫＵＲＡ　ＨＡＳＥ101</t>
  </si>
  <si>
    <t>神奈川県三浦市三崎町諸磯１８７０－４</t>
  </si>
  <si>
    <t>神奈川県鎌倉市材木座６－１４－１１ＬＵＬＬＡ</t>
  </si>
  <si>
    <t>神奈川県葉山町長柄６１５長運寺</t>
  </si>
  <si>
    <t>神奈川県葉山町下山口１９７４社</t>
  </si>
  <si>
    <t>神奈川県箱根町箱根５７２ー７</t>
  </si>
  <si>
    <t>神奈川県鎌倉市長谷２－１１－２７</t>
  </si>
  <si>
    <t>神奈川県逗子市小坪２－１－３</t>
  </si>
  <si>
    <t>神奈川県逗子市桜山６丁目２－３</t>
    <phoneticPr fontId="1"/>
  </si>
  <si>
    <t>神奈川県鎌倉市長谷４－１１－１５</t>
    <phoneticPr fontId="1"/>
  </si>
  <si>
    <t>神奈川県鎌倉市二階堂７７３－７５</t>
    <phoneticPr fontId="1"/>
  </si>
  <si>
    <t>神奈川県鎌倉市山ノ内７７２－１</t>
    <phoneticPr fontId="1"/>
  </si>
  <si>
    <t>神奈川県秦野市北矢名１５６—１２ファイン・ビレッジ・ＩＶ101</t>
    <phoneticPr fontId="1"/>
  </si>
  <si>
    <t>神奈川県秦野市北矢名１５６—１２ファイン・ビレッジ・ＩＶ103</t>
    <phoneticPr fontId="1"/>
  </si>
  <si>
    <t>神奈川県秦野市北矢名１５６—１２ファイン・ビレッジ・ＩＶ203</t>
    <phoneticPr fontId="1"/>
  </si>
  <si>
    <t>第M140052895号</t>
    <phoneticPr fontId="8"/>
  </si>
  <si>
    <t>第M140053054号</t>
    <phoneticPr fontId="8"/>
  </si>
  <si>
    <t>第M140053055号</t>
    <phoneticPr fontId="8"/>
  </si>
  <si>
    <t>第M140053096号</t>
  </si>
  <si>
    <t>第M140053190号</t>
  </si>
  <si>
    <t>第M140053267号</t>
  </si>
  <si>
    <t>第M140053360号</t>
  </si>
  <si>
    <t>第M140053386号</t>
  </si>
  <si>
    <t>第M140053578号</t>
  </si>
  <si>
    <t>第M140053704号</t>
  </si>
  <si>
    <t>第M140053708号</t>
  </si>
  <si>
    <t>第M140053709号</t>
  </si>
  <si>
    <t>第M140053710号</t>
  </si>
  <si>
    <t>第M140053711号</t>
  </si>
  <si>
    <t>第M140053883号</t>
  </si>
  <si>
    <t>第M140053976号</t>
  </si>
  <si>
    <t>第M140054008号</t>
  </si>
  <si>
    <t>第M140054012号</t>
  </si>
  <si>
    <t>第M140054015号</t>
  </si>
  <si>
    <t>第M140054094号</t>
  </si>
  <si>
    <t>第M140054322号</t>
  </si>
  <si>
    <t>第M140054368号</t>
  </si>
  <si>
    <t>第M140054533号</t>
  </si>
  <si>
    <t>第M140054583号</t>
  </si>
  <si>
    <t>第M140054585号</t>
  </si>
  <si>
    <t>第M140054682号</t>
  </si>
  <si>
    <t>第M140054726号</t>
  </si>
  <si>
    <t>第M140054763号</t>
  </si>
  <si>
    <t>第M140054987号</t>
  </si>
  <si>
    <t>第M140055390号</t>
  </si>
  <si>
    <t>第M140055543号</t>
  </si>
  <si>
    <t>第M140055544号</t>
  </si>
  <si>
    <t>第M140055659号</t>
  </si>
  <si>
    <t>第M140055674号</t>
  </si>
  <si>
    <t>第M140056168号</t>
  </si>
  <si>
    <t>第M140056169号</t>
  </si>
  <si>
    <t>神奈川県秦野市鶴巻北１－２１－５</t>
  </si>
  <si>
    <t>神奈川県三浦市三崎町小網代１２０３－２</t>
  </si>
  <si>
    <t>神奈川県三浦市三崎町諸磯１８８８－２</t>
  </si>
  <si>
    <t>神奈川県鎌倉市稲村ガ崎３丁目７ー２６</t>
  </si>
  <si>
    <t>神奈川県松田町松田庶子１０４８－５</t>
  </si>
  <si>
    <t>神奈川県鎌倉市七里ガ浜東５－１１－１７</t>
  </si>
  <si>
    <t>神奈川県逗子市桜山３－１９－２５</t>
  </si>
  <si>
    <t>神奈川県葉山町堀内５３－１</t>
  </si>
  <si>
    <t>神奈川県南足柄市苅野９４１</t>
  </si>
  <si>
    <t>神奈川県鎌倉市材木座１－６－３６ファーマシー201</t>
  </si>
  <si>
    <t>神奈川県鎌倉市材木座１－６－３６ファーマシー202</t>
  </si>
  <si>
    <t>神奈川県鎌倉市材木座１－６－３６ファーマシー203</t>
  </si>
  <si>
    <t>神奈川県鎌倉市笛田３－８－３</t>
  </si>
  <si>
    <t>神奈川県鎌倉市七里ガ浜一丁目４番３１号</t>
  </si>
  <si>
    <t>神奈川県三浦市晴海町１４－９Ｔｈｅ　Ｖｉｅｗ　三浦市晴海町</t>
  </si>
  <si>
    <t>神奈川県大和市上草柳２－１９－１４第２細谷アパート101</t>
  </si>
  <si>
    <t>神奈川県大和市中央６－６－１４</t>
  </si>
  <si>
    <t>神奈川県湯河原町吉浜字千歳ヶ岡１４８１番地１（ＳＥＡ　ＳＩＤＥ　ＨＯＵＳＥ　ＹＵＧＡＷＡＲＡ）</t>
  </si>
  <si>
    <t>神奈川県葉山町堀内１２４０－３</t>
  </si>
  <si>
    <t>神奈川県三浦市南下浦町松輪２５８－５</t>
  </si>
  <si>
    <t>神奈川県鎌倉市鎌倉山３－６－１９鎌倉山ＨＯＵＳＥ</t>
  </si>
  <si>
    <t>神奈川県箱根町宮城野１３４５番地の５９モスラズ合同会社</t>
  </si>
  <si>
    <t>神奈川県箱根町仙石原六郎兵衛１２４６番６９７</t>
  </si>
  <si>
    <t>神奈川県葉山町堀内１９６８番地</t>
  </si>
  <si>
    <t>神奈川県鎌倉市山ノ内１２８８番地</t>
  </si>
  <si>
    <t>神奈川県鎌倉市大町４－１２－６</t>
  </si>
  <si>
    <t>神奈川県箱根町木賀１０１３</t>
  </si>
  <si>
    <t>神奈川県大井町高尾１２６－２</t>
  </si>
  <si>
    <t>神奈川県大井町金子１０３８－９</t>
  </si>
  <si>
    <t>神奈川県山北町岸５２－２</t>
  </si>
  <si>
    <t>神奈川県座間市相模が丘１－３４－２０ジースタイル405</t>
  </si>
  <si>
    <t>神奈川県逗子市池子２－３－３３</t>
  </si>
  <si>
    <t>神奈川県鎌倉市極楽寺１丁目８番５号</t>
  </si>
  <si>
    <t>神奈川県鎌倉市腰越７５７－５鎌倉　富士山と絶景の館（離れ）</t>
  </si>
  <si>
    <t>住宅宿泊事業施設一覧（令和７年９月30日現在）　神奈川県所管域</t>
    <rPh sb="0" eb="2">
      <t>ジュウタク</t>
    </rPh>
    <rPh sb="11" eb="13">
      <t>レイワ</t>
    </rPh>
    <rPh sb="14" eb="15">
      <t>ネン</t>
    </rPh>
    <rPh sb="24" eb="28">
      <t>カナガワケン</t>
    </rPh>
    <rPh sb="28" eb="30">
      <t>ショカン</t>
    </rPh>
    <rPh sb="30" eb="31">
      <t>イキ</t>
    </rPh>
    <phoneticPr fontId="1"/>
  </si>
  <si>
    <t>神奈川県南足柄市塚原１５３－１０</t>
    <phoneticPr fontId="1"/>
  </si>
  <si>
    <t>神奈川県大和市上草柳２－１９－１４第２細谷アパート201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  <font>
      <b/>
      <sz val="14"/>
      <name val="ＭＳ Ｐゴシック"/>
      <family val="3"/>
      <charset val="128"/>
      <scheme val="minor"/>
    </font>
    <font>
      <b/>
      <sz val="12"/>
      <name val="ＭＳ 明朝"/>
      <family val="1"/>
      <charset val="128"/>
    </font>
    <font>
      <b/>
      <sz val="12"/>
      <name val="ＭＳ Ｐゴシック"/>
      <family val="3"/>
      <charset val="128"/>
      <scheme val="minor"/>
    </font>
    <font>
      <sz val="10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5" fillId="2" borderId="1" xfId="0" applyFont="1" applyFill="1" applyBorder="1" applyAlignment="1">
      <alignment horizontal="center" vertical="center"/>
    </xf>
    <xf numFmtId="0" fontId="6" fillId="2" borderId="1" xfId="0" applyFont="1" applyFill="1" applyBorder="1" applyAlignment="1">
      <alignment horizontal="center" vertical="center" wrapText="1"/>
    </xf>
    <xf numFmtId="0" fontId="2" fillId="0" borderId="0" xfId="0" applyFont="1">
      <alignment vertical="center"/>
    </xf>
    <xf numFmtId="49" fontId="3" fillId="0" borderId="1" xfId="0" applyNumberFormat="1" applyFont="1" applyFill="1" applyBorder="1" applyAlignment="1">
      <alignment vertical="center" wrapText="1"/>
    </xf>
    <xf numFmtId="49" fontId="7" fillId="0" borderId="1" xfId="0" applyNumberFormat="1" applyFont="1" applyFill="1" applyBorder="1" applyAlignment="1">
      <alignment vertical="center" wrapText="1"/>
    </xf>
    <xf numFmtId="0" fontId="2" fillId="0" borderId="1" xfId="0" applyFont="1" applyFill="1" applyBorder="1" applyAlignment="1">
      <alignment vertical="center" wrapText="1"/>
    </xf>
    <xf numFmtId="0" fontId="3" fillId="0" borderId="1" xfId="0" applyFont="1" applyFill="1" applyBorder="1" applyAlignment="1">
      <alignment horizontal="left" vertical="center" wrapText="1"/>
    </xf>
    <xf numFmtId="0" fontId="2" fillId="0" borderId="1" xfId="0" applyFont="1" applyFill="1" applyBorder="1" applyAlignment="1">
      <alignment horizontal="center" vertical="center"/>
    </xf>
    <xf numFmtId="0" fontId="3" fillId="0" borderId="1" xfId="0" applyFont="1" applyFill="1" applyBorder="1">
      <alignment vertical="center"/>
    </xf>
    <xf numFmtId="0" fontId="3" fillId="0" borderId="1" xfId="0" applyFont="1" applyFill="1" applyBorder="1" applyAlignment="1">
      <alignment vertical="center"/>
    </xf>
    <xf numFmtId="0" fontId="3" fillId="0" borderId="1" xfId="0" applyFont="1" applyFill="1" applyBorder="1" applyAlignment="1">
      <alignment horizontal="left" vertical="center"/>
    </xf>
    <xf numFmtId="49" fontId="3" fillId="0" borderId="1" xfId="0" applyNumberFormat="1" applyFont="1" applyFill="1" applyBorder="1">
      <alignment vertical="center"/>
    </xf>
    <xf numFmtId="0" fontId="3" fillId="0" borderId="1" xfId="0" applyFont="1" applyFill="1" applyBorder="1" applyAlignment="1">
      <alignment vertical="center" wrapText="1"/>
    </xf>
    <xf numFmtId="0" fontId="4" fillId="0" borderId="0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461"/>
  <sheetViews>
    <sheetView tabSelected="1" view="pageBreakPreview" zoomScale="70" zoomScaleNormal="100" zoomScaleSheetLayoutView="70" workbookViewId="0">
      <selection activeCell="J439" sqref="J439"/>
    </sheetView>
  </sheetViews>
  <sheetFormatPr defaultColWidth="9" defaultRowHeight="14.4" x14ac:dyDescent="0.2"/>
  <cols>
    <col min="1" max="1" width="6.09765625" style="3" bestFit="1" customWidth="1"/>
    <col min="2" max="2" width="17" style="3" customWidth="1"/>
    <col min="3" max="3" width="69.19921875" style="3" customWidth="1"/>
    <col min="4" max="4" width="9" style="3" customWidth="1"/>
    <col min="5" max="16384" width="9" style="3"/>
  </cols>
  <sheetData>
    <row r="1" spans="1:3" ht="17.25" customHeight="1" x14ac:dyDescent="0.2">
      <c r="A1" s="14" t="s">
        <v>915</v>
      </c>
      <c r="B1" s="14"/>
      <c r="C1" s="14"/>
    </row>
    <row r="2" spans="1:3" ht="27.6" customHeight="1" x14ac:dyDescent="0.2">
      <c r="A2" s="1" t="s">
        <v>92</v>
      </c>
      <c r="B2" s="2" t="s">
        <v>0</v>
      </c>
      <c r="C2" s="2" t="s">
        <v>1</v>
      </c>
    </row>
    <row r="3" spans="1:3" ht="27.6" customHeight="1" x14ac:dyDescent="0.2">
      <c r="A3" s="8">
        <v>1</v>
      </c>
      <c r="B3" s="6" t="s">
        <v>49</v>
      </c>
      <c r="C3" s="6" t="s">
        <v>444</v>
      </c>
    </row>
    <row r="4" spans="1:3" ht="27.6" customHeight="1" x14ac:dyDescent="0.2">
      <c r="A4" s="8">
        <v>2</v>
      </c>
      <c r="B4" s="6" t="s">
        <v>50</v>
      </c>
      <c r="C4" s="6" t="s">
        <v>2</v>
      </c>
    </row>
    <row r="5" spans="1:3" ht="27.6" customHeight="1" x14ac:dyDescent="0.2">
      <c r="A5" s="8">
        <v>3</v>
      </c>
      <c r="B5" s="9" t="s">
        <v>51</v>
      </c>
      <c r="C5" s="9" t="s">
        <v>3</v>
      </c>
    </row>
    <row r="6" spans="1:3" ht="27.6" customHeight="1" x14ac:dyDescent="0.2">
      <c r="A6" s="8">
        <v>4</v>
      </c>
      <c r="B6" s="6" t="s">
        <v>52</v>
      </c>
      <c r="C6" s="6" t="s">
        <v>466</v>
      </c>
    </row>
    <row r="7" spans="1:3" ht="27.6" customHeight="1" x14ac:dyDescent="0.2">
      <c r="A7" s="8">
        <v>5</v>
      </c>
      <c r="B7" s="9" t="s">
        <v>53</v>
      </c>
      <c r="C7" s="9" t="s">
        <v>5</v>
      </c>
    </row>
    <row r="8" spans="1:3" ht="27.6" customHeight="1" x14ac:dyDescent="0.2">
      <c r="A8" s="8">
        <v>6</v>
      </c>
      <c r="B8" s="10" t="s">
        <v>54</v>
      </c>
      <c r="C8" s="10" t="s">
        <v>6</v>
      </c>
    </row>
    <row r="9" spans="1:3" ht="27.6" customHeight="1" x14ac:dyDescent="0.2">
      <c r="A9" s="8">
        <v>7</v>
      </c>
      <c r="B9" s="9" t="s">
        <v>55</v>
      </c>
      <c r="C9" s="9" t="s">
        <v>7</v>
      </c>
    </row>
    <row r="10" spans="1:3" ht="27.6" customHeight="1" x14ac:dyDescent="0.2">
      <c r="A10" s="8">
        <v>8</v>
      </c>
      <c r="B10" s="6" t="s">
        <v>56</v>
      </c>
      <c r="C10" s="6" t="s">
        <v>8</v>
      </c>
    </row>
    <row r="11" spans="1:3" ht="27.6" customHeight="1" x14ac:dyDescent="0.2">
      <c r="A11" s="8">
        <v>9</v>
      </c>
      <c r="B11" s="9" t="s">
        <v>57</v>
      </c>
      <c r="C11" s="9" t="s">
        <v>9</v>
      </c>
    </row>
    <row r="12" spans="1:3" ht="27.6" customHeight="1" x14ac:dyDescent="0.2">
      <c r="A12" s="8">
        <v>10</v>
      </c>
      <c r="B12" s="9" t="s">
        <v>58</v>
      </c>
      <c r="C12" s="9" t="s">
        <v>10</v>
      </c>
    </row>
    <row r="13" spans="1:3" ht="27.6" customHeight="1" x14ac:dyDescent="0.2">
      <c r="A13" s="8">
        <v>11</v>
      </c>
      <c r="B13" s="9" t="s">
        <v>59</v>
      </c>
      <c r="C13" s="9" t="s">
        <v>36</v>
      </c>
    </row>
    <row r="14" spans="1:3" ht="27.6" customHeight="1" x14ac:dyDescent="0.2">
      <c r="A14" s="8">
        <v>12</v>
      </c>
      <c r="B14" s="9" t="s">
        <v>60</v>
      </c>
      <c r="C14" s="9" t="s">
        <v>37</v>
      </c>
    </row>
    <row r="15" spans="1:3" ht="27.6" customHeight="1" x14ac:dyDescent="0.2">
      <c r="A15" s="8">
        <v>13</v>
      </c>
      <c r="B15" s="9" t="s">
        <v>61</v>
      </c>
      <c r="C15" s="9" t="s">
        <v>37</v>
      </c>
    </row>
    <row r="16" spans="1:3" ht="27.6" customHeight="1" x14ac:dyDescent="0.2">
      <c r="A16" s="8">
        <v>14</v>
      </c>
      <c r="B16" s="10" t="s">
        <v>62</v>
      </c>
      <c r="C16" s="10" t="s">
        <v>11</v>
      </c>
    </row>
    <row r="17" spans="1:3" ht="27.6" customHeight="1" x14ac:dyDescent="0.2">
      <c r="A17" s="8">
        <v>15</v>
      </c>
      <c r="B17" s="6" t="s">
        <v>63</v>
      </c>
      <c r="C17" s="6" t="s">
        <v>12</v>
      </c>
    </row>
    <row r="18" spans="1:3" ht="27.6" customHeight="1" x14ac:dyDescent="0.2">
      <c r="A18" s="8">
        <v>16</v>
      </c>
      <c r="B18" s="6" t="s">
        <v>64</v>
      </c>
      <c r="C18" s="6" t="s">
        <v>38</v>
      </c>
    </row>
    <row r="19" spans="1:3" ht="27.6" customHeight="1" x14ac:dyDescent="0.2">
      <c r="A19" s="8">
        <v>17</v>
      </c>
      <c r="B19" s="9" t="s">
        <v>65</v>
      </c>
      <c r="C19" s="9" t="s">
        <v>39</v>
      </c>
    </row>
    <row r="20" spans="1:3" ht="27.6" customHeight="1" x14ac:dyDescent="0.2">
      <c r="A20" s="8">
        <v>18</v>
      </c>
      <c r="B20" s="6" t="s">
        <v>66</v>
      </c>
      <c r="C20" s="6" t="s">
        <v>40</v>
      </c>
    </row>
    <row r="21" spans="1:3" ht="27.6" customHeight="1" x14ac:dyDescent="0.2">
      <c r="A21" s="8">
        <v>19</v>
      </c>
      <c r="B21" s="9" t="s">
        <v>67</v>
      </c>
      <c r="C21" s="11" t="s">
        <v>14</v>
      </c>
    </row>
    <row r="22" spans="1:3" ht="27.6" customHeight="1" x14ac:dyDescent="0.2">
      <c r="A22" s="8">
        <v>20</v>
      </c>
      <c r="B22" s="9" t="s">
        <v>68</v>
      </c>
      <c r="C22" s="9" t="s">
        <v>15</v>
      </c>
    </row>
    <row r="23" spans="1:3" ht="27.6" customHeight="1" x14ac:dyDescent="0.2">
      <c r="A23" s="8">
        <v>21</v>
      </c>
      <c r="B23" s="6" t="s">
        <v>69</v>
      </c>
      <c r="C23" s="6" t="s">
        <v>16</v>
      </c>
    </row>
    <row r="24" spans="1:3" ht="27.6" customHeight="1" x14ac:dyDescent="0.2">
      <c r="A24" s="8">
        <v>22</v>
      </c>
      <c r="B24" s="6" t="s">
        <v>70</v>
      </c>
      <c r="C24" s="6" t="s">
        <v>17</v>
      </c>
    </row>
    <row r="25" spans="1:3" ht="27.6" customHeight="1" x14ac:dyDescent="0.2">
      <c r="A25" s="8">
        <v>23</v>
      </c>
      <c r="B25" s="6" t="s">
        <v>71</v>
      </c>
      <c r="C25" s="6" t="s">
        <v>18</v>
      </c>
    </row>
    <row r="26" spans="1:3" ht="27.6" customHeight="1" x14ac:dyDescent="0.2">
      <c r="A26" s="8">
        <v>24</v>
      </c>
      <c r="B26" s="6" t="s">
        <v>72</v>
      </c>
      <c r="C26" s="6" t="s">
        <v>19</v>
      </c>
    </row>
    <row r="27" spans="1:3" ht="27.6" customHeight="1" x14ac:dyDescent="0.2">
      <c r="A27" s="8">
        <v>25</v>
      </c>
      <c r="B27" s="9" t="s">
        <v>73</v>
      </c>
      <c r="C27" s="9" t="s">
        <v>291</v>
      </c>
    </row>
    <row r="28" spans="1:3" ht="27.6" customHeight="1" x14ac:dyDescent="0.2">
      <c r="A28" s="8">
        <v>26</v>
      </c>
      <c r="B28" s="6" t="s">
        <v>74</v>
      </c>
      <c r="C28" s="6" t="s">
        <v>20</v>
      </c>
    </row>
    <row r="29" spans="1:3" ht="27.6" customHeight="1" x14ac:dyDescent="0.2">
      <c r="A29" s="8">
        <v>27</v>
      </c>
      <c r="B29" s="6" t="s">
        <v>75</v>
      </c>
      <c r="C29" s="6" t="s">
        <v>21</v>
      </c>
    </row>
    <row r="30" spans="1:3" ht="27.6" customHeight="1" x14ac:dyDescent="0.2">
      <c r="A30" s="8">
        <v>28</v>
      </c>
      <c r="B30" s="10" t="s">
        <v>76</v>
      </c>
      <c r="C30" s="10" t="s">
        <v>22</v>
      </c>
    </row>
    <row r="31" spans="1:3" ht="27.6" customHeight="1" x14ac:dyDescent="0.2">
      <c r="A31" s="8">
        <v>29</v>
      </c>
      <c r="B31" s="6" t="s">
        <v>77</v>
      </c>
      <c r="C31" s="6" t="s">
        <v>23</v>
      </c>
    </row>
    <row r="32" spans="1:3" ht="27.6" customHeight="1" x14ac:dyDescent="0.2">
      <c r="A32" s="8">
        <v>30</v>
      </c>
      <c r="B32" s="6" t="s">
        <v>78</v>
      </c>
      <c r="C32" s="6" t="s">
        <v>24</v>
      </c>
    </row>
    <row r="33" spans="1:3" ht="27.6" customHeight="1" x14ac:dyDescent="0.2">
      <c r="A33" s="8">
        <v>31</v>
      </c>
      <c r="B33" s="10" t="s">
        <v>79</v>
      </c>
      <c r="C33" s="10" t="s">
        <v>25</v>
      </c>
    </row>
    <row r="34" spans="1:3" ht="27.6" customHeight="1" x14ac:dyDescent="0.2">
      <c r="A34" s="8">
        <v>32</v>
      </c>
      <c r="B34" s="9" t="s">
        <v>80</v>
      </c>
      <c r="C34" s="9" t="s">
        <v>26</v>
      </c>
    </row>
    <row r="35" spans="1:3" ht="27.6" customHeight="1" x14ac:dyDescent="0.2">
      <c r="A35" s="8">
        <v>33</v>
      </c>
      <c r="B35" s="6" t="s">
        <v>81</v>
      </c>
      <c r="C35" s="6" t="s">
        <v>27</v>
      </c>
    </row>
    <row r="36" spans="1:3" ht="27.6" customHeight="1" x14ac:dyDescent="0.2">
      <c r="A36" s="8">
        <v>34</v>
      </c>
      <c r="B36" s="6" t="s">
        <v>82</v>
      </c>
      <c r="C36" s="6" t="s">
        <v>31</v>
      </c>
    </row>
    <row r="37" spans="1:3" ht="27.6" customHeight="1" x14ac:dyDescent="0.2">
      <c r="A37" s="8">
        <v>35</v>
      </c>
      <c r="B37" s="9" t="s">
        <v>83</v>
      </c>
      <c r="C37" s="9" t="s">
        <v>32</v>
      </c>
    </row>
    <row r="38" spans="1:3" ht="27.6" customHeight="1" x14ac:dyDescent="0.2">
      <c r="A38" s="8">
        <v>36</v>
      </c>
      <c r="B38" s="9" t="s">
        <v>84</v>
      </c>
      <c r="C38" s="9" t="s">
        <v>33</v>
      </c>
    </row>
    <row r="39" spans="1:3" ht="27.6" customHeight="1" x14ac:dyDescent="0.2">
      <c r="A39" s="8">
        <v>37</v>
      </c>
      <c r="B39" s="6" t="s">
        <v>85</v>
      </c>
      <c r="C39" s="6" t="s">
        <v>28</v>
      </c>
    </row>
    <row r="40" spans="1:3" ht="27.6" customHeight="1" x14ac:dyDescent="0.2">
      <c r="A40" s="8">
        <v>38</v>
      </c>
      <c r="B40" s="6" t="s">
        <v>86</v>
      </c>
      <c r="C40" s="6" t="s">
        <v>29</v>
      </c>
    </row>
    <row r="41" spans="1:3" ht="27.6" customHeight="1" x14ac:dyDescent="0.2">
      <c r="A41" s="8">
        <v>39</v>
      </c>
      <c r="B41" s="6" t="s">
        <v>87</v>
      </c>
      <c r="C41" s="6" t="s">
        <v>493</v>
      </c>
    </row>
    <row r="42" spans="1:3" ht="27.6" customHeight="1" x14ac:dyDescent="0.2">
      <c r="A42" s="8">
        <v>40</v>
      </c>
      <c r="B42" s="9" t="s">
        <v>88</v>
      </c>
      <c r="C42" s="9" t="s">
        <v>30</v>
      </c>
    </row>
    <row r="43" spans="1:3" ht="27.6" customHeight="1" x14ac:dyDescent="0.2">
      <c r="A43" s="8">
        <v>41</v>
      </c>
      <c r="B43" s="9" t="s">
        <v>89</v>
      </c>
      <c r="C43" s="9" t="s">
        <v>34</v>
      </c>
    </row>
    <row r="44" spans="1:3" ht="27.6" customHeight="1" x14ac:dyDescent="0.2">
      <c r="A44" s="8">
        <v>42</v>
      </c>
      <c r="B44" s="9" t="s">
        <v>90</v>
      </c>
      <c r="C44" s="9" t="s">
        <v>35</v>
      </c>
    </row>
    <row r="45" spans="1:3" ht="27.6" customHeight="1" x14ac:dyDescent="0.2">
      <c r="A45" s="8">
        <v>43</v>
      </c>
      <c r="B45" s="9" t="s">
        <v>91</v>
      </c>
      <c r="C45" s="9" t="s">
        <v>148</v>
      </c>
    </row>
    <row r="46" spans="1:3" ht="27.6" customHeight="1" x14ac:dyDescent="0.2">
      <c r="A46" s="8">
        <v>44</v>
      </c>
      <c r="B46" s="6" t="s">
        <v>41</v>
      </c>
      <c r="C46" s="6" t="s">
        <v>42</v>
      </c>
    </row>
    <row r="47" spans="1:3" ht="27.6" customHeight="1" x14ac:dyDescent="0.2">
      <c r="A47" s="8">
        <v>45</v>
      </c>
      <c r="B47" s="6" t="s">
        <v>43</v>
      </c>
      <c r="C47" s="6" t="s">
        <v>44</v>
      </c>
    </row>
    <row r="48" spans="1:3" ht="27.6" customHeight="1" x14ac:dyDescent="0.2">
      <c r="A48" s="8">
        <v>46</v>
      </c>
      <c r="B48" s="9" t="s">
        <v>45</v>
      </c>
      <c r="C48" s="9" t="s">
        <v>46</v>
      </c>
    </row>
    <row r="49" spans="1:3" ht="27.6" customHeight="1" x14ac:dyDescent="0.2">
      <c r="A49" s="8">
        <v>47</v>
      </c>
      <c r="B49" s="9" t="s">
        <v>47</v>
      </c>
      <c r="C49" s="9" t="s">
        <v>48</v>
      </c>
    </row>
    <row r="50" spans="1:3" ht="27.6" customHeight="1" x14ac:dyDescent="0.2">
      <c r="A50" s="8">
        <v>48</v>
      </c>
      <c r="B50" s="9" t="s">
        <v>93</v>
      </c>
      <c r="C50" s="9" t="s">
        <v>94</v>
      </c>
    </row>
    <row r="51" spans="1:3" ht="27.6" customHeight="1" x14ac:dyDescent="0.2">
      <c r="A51" s="8">
        <v>49</v>
      </c>
      <c r="B51" s="9" t="s">
        <v>95</v>
      </c>
      <c r="C51" s="9" t="s">
        <v>97</v>
      </c>
    </row>
    <row r="52" spans="1:3" ht="27.6" customHeight="1" x14ac:dyDescent="0.2">
      <c r="A52" s="8">
        <v>50</v>
      </c>
      <c r="B52" s="9" t="s">
        <v>96</v>
      </c>
      <c r="C52" s="9" t="s">
        <v>98</v>
      </c>
    </row>
    <row r="53" spans="1:3" ht="27.6" customHeight="1" x14ac:dyDescent="0.2">
      <c r="A53" s="8">
        <v>51</v>
      </c>
      <c r="B53" s="9" t="s">
        <v>99</v>
      </c>
      <c r="C53" s="9" t="s">
        <v>102</v>
      </c>
    </row>
    <row r="54" spans="1:3" ht="27.6" customHeight="1" x14ac:dyDescent="0.2">
      <c r="A54" s="8">
        <v>52</v>
      </c>
      <c r="B54" s="9" t="s">
        <v>100</v>
      </c>
      <c r="C54" s="9" t="s">
        <v>103</v>
      </c>
    </row>
    <row r="55" spans="1:3" ht="27.6" customHeight="1" x14ac:dyDescent="0.2">
      <c r="A55" s="8">
        <v>53</v>
      </c>
      <c r="B55" s="9" t="s">
        <v>101</v>
      </c>
      <c r="C55" s="9" t="s">
        <v>104</v>
      </c>
    </row>
    <row r="56" spans="1:3" ht="27.6" customHeight="1" x14ac:dyDescent="0.2">
      <c r="A56" s="8">
        <v>54</v>
      </c>
      <c r="B56" s="9" t="s">
        <v>105</v>
      </c>
      <c r="C56" s="9" t="s">
        <v>110</v>
      </c>
    </row>
    <row r="57" spans="1:3" ht="27.6" customHeight="1" x14ac:dyDescent="0.2">
      <c r="A57" s="8">
        <v>55</v>
      </c>
      <c r="B57" s="9" t="s">
        <v>106</v>
      </c>
      <c r="C57" s="9" t="s">
        <v>108</v>
      </c>
    </row>
    <row r="58" spans="1:3" ht="27.6" customHeight="1" x14ac:dyDescent="0.2">
      <c r="A58" s="8">
        <v>56</v>
      </c>
      <c r="B58" s="9" t="s">
        <v>107</v>
      </c>
      <c r="C58" s="9" t="s">
        <v>109</v>
      </c>
    </row>
    <row r="59" spans="1:3" ht="27.6" customHeight="1" x14ac:dyDescent="0.2">
      <c r="A59" s="8">
        <v>57</v>
      </c>
      <c r="B59" s="9" t="s">
        <v>111</v>
      </c>
      <c r="C59" s="9" t="s">
        <v>116</v>
      </c>
    </row>
    <row r="60" spans="1:3" ht="27.6" customHeight="1" x14ac:dyDescent="0.2">
      <c r="A60" s="8">
        <v>58</v>
      </c>
      <c r="B60" s="9" t="s">
        <v>112</v>
      </c>
      <c r="C60" s="9" t="s">
        <v>117</v>
      </c>
    </row>
    <row r="61" spans="1:3" ht="27.6" customHeight="1" x14ac:dyDescent="0.2">
      <c r="A61" s="8">
        <v>59</v>
      </c>
      <c r="B61" s="9" t="s">
        <v>113</v>
      </c>
      <c r="C61" s="9" t="s">
        <v>118</v>
      </c>
    </row>
    <row r="62" spans="1:3" ht="27.6" customHeight="1" x14ac:dyDescent="0.2">
      <c r="A62" s="8">
        <v>60</v>
      </c>
      <c r="B62" s="9" t="s">
        <v>114</v>
      </c>
      <c r="C62" s="9" t="s">
        <v>119</v>
      </c>
    </row>
    <row r="63" spans="1:3" ht="27.6" customHeight="1" x14ac:dyDescent="0.2">
      <c r="A63" s="8">
        <v>61</v>
      </c>
      <c r="B63" s="9" t="s">
        <v>115</v>
      </c>
      <c r="C63" s="9" t="s">
        <v>120</v>
      </c>
    </row>
    <row r="64" spans="1:3" ht="27.6" customHeight="1" x14ac:dyDescent="0.2">
      <c r="A64" s="8">
        <v>62</v>
      </c>
      <c r="B64" s="9" t="s">
        <v>122</v>
      </c>
      <c r="C64" s="9" t="s">
        <v>127</v>
      </c>
    </row>
    <row r="65" spans="1:3" ht="27.6" customHeight="1" x14ac:dyDescent="0.2">
      <c r="A65" s="8">
        <v>63</v>
      </c>
      <c r="B65" s="9" t="s">
        <v>126</v>
      </c>
      <c r="C65" s="9" t="s">
        <v>128</v>
      </c>
    </row>
    <row r="66" spans="1:3" ht="27.6" customHeight="1" x14ac:dyDescent="0.2">
      <c r="A66" s="8">
        <v>64</v>
      </c>
      <c r="B66" s="9" t="s">
        <v>125</v>
      </c>
      <c r="C66" s="9" t="s">
        <v>129</v>
      </c>
    </row>
    <row r="67" spans="1:3" ht="27.6" customHeight="1" x14ac:dyDescent="0.2">
      <c r="A67" s="8">
        <v>65</v>
      </c>
      <c r="B67" s="9" t="s">
        <v>124</v>
      </c>
      <c r="C67" s="9" t="s">
        <v>130</v>
      </c>
    </row>
    <row r="68" spans="1:3" ht="27.6" customHeight="1" x14ac:dyDescent="0.2">
      <c r="A68" s="8">
        <v>66</v>
      </c>
      <c r="B68" s="9" t="s">
        <v>121</v>
      </c>
      <c r="C68" s="9" t="s">
        <v>131</v>
      </c>
    </row>
    <row r="69" spans="1:3" ht="27.6" customHeight="1" x14ac:dyDescent="0.2">
      <c r="A69" s="8">
        <v>67</v>
      </c>
      <c r="B69" s="9" t="s">
        <v>123</v>
      </c>
      <c r="C69" s="9" t="s">
        <v>132</v>
      </c>
    </row>
    <row r="70" spans="1:3" ht="27.6" customHeight="1" x14ac:dyDescent="0.2">
      <c r="A70" s="8">
        <v>68</v>
      </c>
      <c r="B70" s="9" t="s">
        <v>133</v>
      </c>
      <c r="C70" s="9" t="s">
        <v>142</v>
      </c>
    </row>
    <row r="71" spans="1:3" ht="27.6" customHeight="1" x14ac:dyDescent="0.2">
      <c r="A71" s="8">
        <v>69</v>
      </c>
      <c r="B71" s="9" t="s">
        <v>134</v>
      </c>
      <c r="C71" s="9" t="s">
        <v>145</v>
      </c>
    </row>
    <row r="72" spans="1:3" ht="27.6" customHeight="1" x14ac:dyDescent="0.2">
      <c r="A72" s="8">
        <v>70</v>
      </c>
      <c r="B72" s="9" t="s">
        <v>135</v>
      </c>
      <c r="C72" s="9" t="s">
        <v>146</v>
      </c>
    </row>
    <row r="73" spans="1:3" ht="27.6" customHeight="1" x14ac:dyDescent="0.2">
      <c r="A73" s="8">
        <v>71</v>
      </c>
      <c r="B73" s="9" t="s">
        <v>136</v>
      </c>
      <c r="C73" s="9" t="s">
        <v>147</v>
      </c>
    </row>
    <row r="74" spans="1:3" ht="27.6" customHeight="1" x14ac:dyDescent="0.2">
      <c r="A74" s="8">
        <v>72</v>
      </c>
      <c r="B74" s="9" t="s">
        <v>137</v>
      </c>
      <c r="C74" s="9" t="s">
        <v>143</v>
      </c>
    </row>
    <row r="75" spans="1:3" ht="27.6" customHeight="1" x14ac:dyDescent="0.2">
      <c r="A75" s="8">
        <v>73</v>
      </c>
      <c r="B75" s="9" t="s">
        <v>138</v>
      </c>
      <c r="C75" s="9" t="s">
        <v>149</v>
      </c>
    </row>
    <row r="76" spans="1:3" ht="27.6" customHeight="1" x14ac:dyDescent="0.2">
      <c r="A76" s="8">
        <v>74</v>
      </c>
      <c r="B76" s="9" t="s">
        <v>139</v>
      </c>
      <c r="C76" s="9" t="s">
        <v>150</v>
      </c>
    </row>
    <row r="77" spans="1:3" ht="27.6" customHeight="1" x14ac:dyDescent="0.2">
      <c r="A77" s="8">
        <v>75</v>
      </c>
      <c r="B77" s="9" t="s">
        <v>140</v>
      </c>
      <c r="C77" s="9" t="s">
        <v>144</v>
      </c>
    </row>
    <row r="78" spans="1:3" ht="27.6" customHeight="1" x14ac:dyDescent="0.2">
      <c r="A78" s="8">
        <v>76</v>
      </c>
      <c r="B78" s="9" t="s">
        <v>141</v>
      </c>
      <c r="C78" s="9" t="s">
        <v>144</v>
      </c>
    </row>
    <row r="79" spans="1:3" ht="27.6" customHeight="1" x14ac:dyDescent="0.2">
      <c r="A79" s="8">
        <v>77</v>
      </c>
      <c r="B79" s="9" t="s">
        <v>151</v>
      </c>
      <c r="C79" s="9" t="s">
        <v>152</v>
      </c>
    </row>
    <row r="80" spans="1:3" ht="27.6" customHeight="1" x14ac:dyDescent="0.2">
      <c r="A80" s="8">
        <v>78</v>
      </c>
      <c r="B80" s="9" t="s">
        <v>153</v>
      </c>
      <c r="C80" s="9" t="s">
        <v>154</v>
      </c>
    </row>
    <row r="81" spans="1:3" ht="27.6" customHeight="1" x14ac:dyDescent="0.2">
      <c r="A81" s="8">
        <v>79</v>
      </c>
      <c r="B81" s="9" t="s">
        <v>155</v>
      </c>
      <c r="C81" s="9" t="s">
        <v>156</v>
      </c>
    </row>
    <row r="82" spans="1:3" ht="27.6" customHeight="1" x14ac:dyDescent="0.2">
      <c r="A82" s="8">
        <v>80</v>
      </c>
      <c r="B82" s="9" t="s">
        <v>157</v>
      </c>
      <c r="C82" s="9" t="s">
        <v>159</v>
      </c>
    </row>
    <row r="83" spans="1:3" ht="27.6" customHeight="1" x14ac:dyDescent="0.2">
      <c r="A83" s="8">
        <v>81</v>
      </c>
      <c r="B83" s="9" t="s">
        <v>158</v>
      </c>
      <c r="C83" s="9" t="s">
        <v>294</v>
      </c>
    </row>
    <row r="84" spans="1:3" ht="27.6" customHeight="1" x14ac:dyDescent="0.2">
      <c r="A84" s="8">
        <v>82</v>
      </c>
      <c r="B84" s="9" t="s">
        <v>160</v>
      </c>
      <c r="C84" s="9" t="s">
        <v>161</v>
      </c>
    </row>
    <row r="85" spans="1:3" ht="27.6" customHeight="1" x14ac:dyDescent="0.2">
      <c r="A85" s="8">
        <v>83</v>
      </c>
      <c r="B85" s="9" t="s">
        <v>162</v>
      </c>
      <c r="C85" s="9" t="s">
        <v>163</v>
      </c>
    </row>
    <row r="86" spans="1:3" ht="27.6" customHeight="1" x14ac:dyDescent="0.2">
      <c r="A86" s="8">
        <v>84</v>
      </c>
      <c r="B86" s="9" t="s">
        <v>164</v>
      </c>
      <c r="C86" s="9" t="s">
        <v>165</v>
      </c>
    </row>
    <row r="87" spans="1:3" ht="27.6" customHeight="1" x14ac:dyDescent="0.2">
      <c r="A87" s="8">
        <v>85</v>
      </c>
      <c r="B87" s="9" t="s">
        <v>166</v>
      </c>
      <c r="C87" s="9" t="s">
        <v>167</v>
      </c>
    </row>
    <row r="88" spans="1:3" ht="27.6" customHeight="1" x14ac:dyDescent="0.2">
      <c r="A88" s="8">
        <v>86</v>
      </c>
      <c r="B88" s="9" t="s">
        <v>168</v>
      </c>
      <c r="C88" s="9" t="s">
        <v>169</v>
      </c>
    </row>
    <row r="89" spans="1:3" ht="27.6" customHeight="1" x14ac:dyDescent="0.2">
      <c r="A89" s="8">
        <v>87</v>
      </c>
      <c r="B89" s="9" t="s">
        <v>170</v>
      </c>
      <c r="C89" s="9" t="s">
        <v>171</v>
      </c>
    </row>
    <row r="90" spans="1:3" ht="27.6" customHeight="1" x14ac:dyDescent="0.2">
      <c r="A90" s="8">
        <v>88</v>
      </c>
      <c r="B90" s="9" t="s">
        <v>173</v>
      </c>
      <c r="C90" s="9" t="s">
        <v>174</v>
      </c>
    </row>
    <row r="91" spans="1:3" ht="27.6" customHeight="1" x14ac:dyDescent="0.2">
      <c r="A91" s="8">
        <v>89</v>
      </c>
      <c r="B91" s="9" t="s">
        <v>175</v>
      </c>
      <c r="C91" s="9" t="s">
        <v>176</v>
      </c>
    </row>
    <row r="92" spans="1:3" ht="27.6" customHeight="1" x14ac:dyDescent="0.2">
      <c r="A92" s="8">
        <v>90</v>
      </c>
      <c r="B92" s="12" t="s">
        <v>177</v>
      </c>
      <c r="C92" s="12" t="s">
        <v>181</v>
      </c>
    </row>
    <row r="93" spans="1:3" ht="27.6" customHeight="1" x14ac:dyDescent="0.2">
      <c r="A93" s="8">
        <v>91</v>
      </c>
      <c r="B93" s="12" t="s">
        <v>178</v>
      </c>
      <c r="C93" s="12" t="s">
        <v>182</v>
      </c>
    </row>
    <row r="94" spans="1:3" ht="27.6" customHeight="1" x14ac:dyDescent="0.2">
      <c r="A94" s="8">
        <v>92</v>
      </c>
      <c r="B94" s="12" t="s">
        <v>179</v>
      </c>
      <c r="C94" s="12" t="s">
        <v>183</v>
      </c>
    </row>
    <row r="95" spans="1:3" ht="27.6" customHeight="1" x14ac:dyDescent="0.2">
      <c r="A95" s="8">
        <v>93</v>
      </c>
      <c r="B95" s="12" t="s">
        <v>180</v>
      </c>
      <c r="C95" s="12" t="s">
        <v>184</v>
      </c>
    </row>
    <row r="96" spans="1:3" ht="27.6" customHeight="1" x14ac:dyDescent="0.2">
      <c r="A96" s="8">
        <v>94</v>
      </c>
      <c r="B96" s="9" t="s">
        <v>185</v>
      </c>
      <c r="C96" s="9" t="s">
        <v>190</v>
      </c>
    </row>
    <row r="97" spans="1:3" ht="27.6" customHeight="1" x14ac:dyDescent="0.2">
      <c r="A97" s="8">
        <v>95</v>
      </c>
      <c r="B97" s="9" t="s">
        <v>186</v>
      </c>
      <c r="C97" s="9" t="s">
        <v>191</v>
      </c>
    </row>
    <row r="98" spans="1:3" ht="27.6" customHeight="1" x14ac:dyDescent="0.2">
      <c r="A98" s="8">
        <v>96</v>
      </c>
      <c r="B98" s="9" t="s">
        <v>187</v>
      </c>
      <c r="C98" s="9" t="s">
        <v>192</v>
      </c>
    </row>
    <row r="99" spans="1:3" ht="27.6" customHeight="1" x14ac:dyDescent="0.2">
      <c r="A99" s="8">
        <v>97</v>
      </c>
      <c r="B99" s="9" t="s">
        <v>188</v>
      </c>
      <c r="C99" s="9" t="s">
        <v>193</v>
      </c>
    </row>
    <row r="100" spans="1:3" ht="27.6" customHeight="1" x14ac:dyDescent="0.2">
      <c r="A100" s="8">
        <v>98</v>
      </c>
      <c r="B100" s="9" t="s">
        <v>189</v>
      </c>
      <c r="C100" s="9" t="s">
        <v>194</v>
      </c>
    </row>
    <row r="101" spans="1:3" ht="27.6" customHeight="1" x14ac:dyDescent="0.2">
      <c r="A101" s="8">
        <v>99</v>
      </c>
      <c r="B101" s="12" t="s">
        <v>195</v>
      </c>
      <c r="C101" s="12" t="s">
        <v>196</v>
      </c>
    </row>
    <row r="102" spans="1:3" ht="27.6" customHeight="1" x14ac:dyDescent="0.2">
      <c r="A102" s="8">
        <v>100</v>
      </c>
      <c r="B102" s="12" t="s">
        <v>197</v>
      </c>
      <c r="C102" s="12" t="s">
        <v>198</v>
      </c>
    </row>
    <row r="103" spans="1:3" ht="27.6" customHeight="1" x14ac:dyDescent="0.2">
      <c r="A103" s="8">
        <v>101</v>
      </c>
      <c r="B103" s="12" t="s">
        <v>199</v>
      </c>
      <c r="C103" s="12" t="s">
        <v>200</v>
      </c>
    </row>
    <row r="104" spans="1:3" ht="27.6" customHeight="1" x14ac:dyDescent="0.2">
      <c r="A104" s="8">
        <v>102</v>
      </c>
      <c r="B104" s="12" t="s">
        <v>201</v>
      </c>
      <c r="C104" s="12" t="s">
        <v>202</v>
      </c>
    </row>
    <row r="105" spans="1:3" ht="27.6" customHeight="1" x14ac:dyDescent="0.2">
      <c r="A105" s="8">
        <v>103</v>
      </c>
      <c r="B105" s="12" t="s">
        <v>203</v>
      </c>
      <c r="C105" s="12" t="s">
        <v>204</v>
      </c>
    </row>
    <row r="106" spans="1:3" ht="27.6" customHeight="1" x14ac:dyDescent="0.2">
      <c r="A106" s="8">
        <v>104</v>
      </c>
      <c r="B106" s="12" t="s">
        <v>205</v>
      </c>
      <c r="C106" s="12" t="s">
        <v>211</v>
      </c>
    </row>
    <row r="107" spans="1:3" ht="27.6" customHeight="1" x14ac:dyDescent="0.2">
      <c r="A107" s="8">
        <v>105</v>
      </c>
      <c r="B107" s="12" t="s">
        <v>206</v>
      </c>
      <c r="C107" s="12" t="s">
        <v>212</v>
      </c>
    </row>
    <row r="108" spans="1:3" ht="27.6" customHeight="1" x14ac:dyDescent="0.2">
      <c r="A108" s="8">
        <v>106</v>
      </c>
      <c r="B108" s="12" t="s">
        <v>207</v>
      </c>
      <c r="C108" s="12" t="s">
        <v>213</v>
      </c>
    </row>
    <row r="109" spans="1:3" ht="27.6" customHeight="1" x14ac:dyDescent="0.2">
      <c r="A109" s="8">
        <v>107</v>
      </c>
      <c r="B109" s="12" t="s">
        <v>208</v>
      </c>
      <c r="C109" s="12" t="s">
        <v>214</v>
      </c>
    </row>
    <row r="110" spans="1:3" ht="27.6" customHeight="1" x14ac:dyDescent="0.2">
      <c r="A110" s="8">
        <v>108</v>
      </c>
      <c r="B110" s="12" t="s">
        <v>209</v>
      </c>
      <c r="C110" s="12" t="s">
        <v>210</v>
      </c>
    </row>
    <row r="111" spans="1:3" ht="27.6" customHeight="1" x14ac:dyDescent="0.2">
      <c r="A111" s="8">
        <v>109</v>
      </c>
      <c r="B111" s="12" t="s">
        <v>215</v>
      </c>
      <c r="C111" s="12" t="s">
        <v>216</v>
      </c>
    </row>
    <row r="112" spans="1:3" ht="27.6" customHeight="1" x14ac:dyDescent="0.2">
      <c r="A112" s="8">
        <v>110</v>
      </c>
      <c r="B112" s="12" t="s">
        <v>217</v>
      </c>
      <c r="C112" s="12" t="s">
        <v>221</v>
      </c>
    </row>
    <row r="113" spans="1:3" ht="27.6" customHeight="1" x14ac:dyDescent="0.2">
      <c r="A113" s="8">
        <v>111</v>
      </c>
      <c r="B113" s="12" t="s">
        <v>218</v>
      </c>
      <c r="C113" s="12" t="s">
        <v>222</v>
      </c>
    </row>
    <row r="114" spans="1:3" ht="27.6" customHeight="1" x14ac:dyDescent="0.2">
      <c r="A114" s="8">
        <v>112</v>
      </c>
      <c r="B114" s="12" t="s">
        <v>219</v>
      </c>
      <c r="C114" s="12" t="s">
        <v>220</v>
      </c>
    </row>
    <row r="115" spans="1:3" ht="27.6" customHeight="1" x14ac:dyDescent="0.2">
      <c r="A115" s="8">
        <v>113</v>
      </c>
      <c r="B115" s="12" t="s">
        <v>225</v>
      </c>
      <c r="C115" s="12" t="s">
        <v>226</v>
      </c>
    </row>
    <row r="116" spans="1:3" ht="27.6" customHeight="1" x14ac:dyDescent="0.2">
      <c r="A116" s="8">
        <v>114</v>
      </c>
      <c r="B116" s="12" t="s">
        <v>228</v>
      </c>
      <c r="C116" s="12" t="s">
        <v>229</v>
      </c>
    </row>
    <row r="117" spans="1:3" ht="27.6" customHeight="1" x14ac:dyDescent="0.2">
      <c r="A117" s="8">
        <v>115</v>
      </c>
      <c r="B117" s="12" t="s">
        <v>227</v>
      </c>
      <c r="C117" s="12" t="s">
        <v>241</v>
      </c>
    </row>
    <row r="118" spans="1:3" ht="27.6" customHeight="1" x14ac:dyDescent="0.2">
      <c r="A118" s="8">
        <v>116</v>
      </c>
      <c r="B118" s="12" t="s">
        <v>230</v>
      </c>
      <c r="C118" s="12" t="s">
        <v>240</v>
      </c>
    </row>
    <row r="119" spans="1:3" ht="27.6" customHeight="1" x14ac:dyDescent="0.2">
      <c r="A119" s="8">
        <v>117</v>
      </c>
      <c r="B119" s="12" t="s">
        <v>223</v>
      </c>
      <c r="C119" s="12" t="s">
        <v>224</v>
      </c>
    </row>
    <row r="120" spans="1:3" ht="27.6" customHeight="1" x14ac:dyDescent="0.2">
      <c r="A120" s="8">
        <v>118</v>
      </c>
      <c r="B120" s="12" t="s">
        <v>233</v>
      </c>
      <c r="C120" s="12" t="s">
        <v>234</v>
      </c>
    </row>
    <row r="121" spans="1:3" ht="27.6" customHeight="1" x14ac:dyDescent="0.2">
      <c r="A121" s="8">
        <v>119</v>
      </c>
      <c r="B121" s="12" t="s">
        <v>231</v>
      </c>
      <c r="C121" s="12" t="s">
        <v>232</v>
      </c>
    </row>
    <row r="122" spans="1:3" ht="27.6" customHeight="1" x14ac:dyDescent="0.2">
      <c r="A122" s="8">
        <v>120</v>
      </c>
      <c r="B122" s="12" t="s">
        <v>237</v>
      </c>
      <c r="C122" s="12" t="s">
        <v>238</v>
      </c>
    </row>
    <row r="123" spans="1:3" ht="27.6" customHeight="1" x14ac:dyDescent="0.2">
      <c r="A123" s="8">
        <v>121</v>
      </c>
      <c r="B123" s="12" t="s">
        <v>239</v>
      </c>
      <c r="C123" s="12" t="s">
        <v>242</v>
      </c>
    </row>
    <row r="124" spans="1:3" ht="27.6" customHeight="1" x14ac:dyDescent="0.2">
      <c r="A124" s="8">
        <v>122</v>
      </c>
      <c r="B124" s="12" t="s">
        <v>235</v>
      </c>
      <c r="C124" s="12" t="s">
        <v>236</v>
      </c>
    </row>
    <row r="125" spans="1:3" ht="27.6" customHeight="1" x14ac:dyDescent="0.2">
      <c r="A125" s="8">
        <v>123</v>
      </c>
      <c r="B125" s="12" t="s">
        <v>245</v>
      </c>
      <c r="C125" s="12" t="s">
        <v>246</v>
      </c>
    </row>
    <row r="126" spans="1:3" ht="27.6" customHeight="1" x14ac:dyDescent="0.2">
      <c r="A126" s="8">
        <v>124</v>
      </c>
      <c r="B126" s="12" t="s">
        <v>247</v>
      </c>
      <c r="C126" s="12" t="s">
        <v>248</v>
      </c>
    </row>
    <row r="127" spans="1:3" ht="27.6" customHeight="1" x14ac:dyDescent="0.2">
      <c r="A127" s="8">
        <v>125</v>
      </c>
      <c r="B127" s="12" t="s">
        <v>249</v>
      </c>
      <c r="C127" s="12" t="s">
        <v>250</v>
      </c>
    </row>
    <row r="128" spans="1:3" ht="27.6" customHeight="1" x14ac:dyDescent="0.2">
      <c r="A128" s="8">
        <v>126</v>
      </c>
      <c r="B128" s="12" t="s">
        <v>251</v>
      </c>
      <c r="C128" s="12" t="s">
        <v>252</v>
      </c>
    </row>
    <row r="129" spans="1:3" ht="27.6" customHeight="1" x14ac:dyDescent="0.2">
      <c r="A129" s="8">
        <v>127</v>
      </c>
      <c r="B129" s="12" t="s">
        <v>243</v>
      </c>
      <c r="C129" s="12" t="s">
        <v>244</v>
      </c>
    </row>
    <row r="130" spans="1:3" ht="27.6" customHeight="1" x14ac:dyDescent="0.2">
      <c r="A130" s="8">
        <v>128</v>
      </c>
      <c r="B130" s="12" t="s">
        <v>253</v>
      </c>
      <c r="C130" s="12" t="s">
        <v>254</v>
      </c>
    </row>
    <row r="131" spans="1:3" ht="27.6" customHeight="1" x14ac:dyDescent="0.2">
      <c r="A131" s="8">
        <v>129</v>
      </c>
      <c r="B131" s="12" t="s">
        <v>255</v>
      </c>
      <c r="C131" s="12" t="s">
        <v>256</v>
      </c>
    </row>
    <row r="132" spans="1:3" ht="27.6" customHeight="1" x14ac:dyDescent="0.2">
      <c r="A132" s="8">
        <v>130</v>
      </c>
      <c r="B132" s="12" t="s">
        <v>257</v>
      </c>
      <c r="C132" s="12" t="s">
        <v>263</v>
      </c>
    </row>
    <row r="133" spans="1:3" ht="27.6" customHeight="1" x14ac:dyDescent="0.2">
      <c r="A133" s="8">
        <v>131</v>
      </c>
      <c r="B133" s="12" t="s">
        <v>258</v>
      </c>
      <c r="C133" s="12" t="s">
        <v>264</v>
      </c>
    </row>
    <row r="134" spans="1:3" ht="27.6" customHeight="1" x14ac:dyDescent="0.2">
      <c r="A134" s="8">
        <v>132</v>
      </c>
      <c r="B134" s="12" t="s">
        <v>259</v>
      </c>
      <c r="C134" s="12" t="s">
        <v>265</v>
      </c>
    </row>
    <row r="135" spans="1:3" ht="27.6" customHeight="1" x14ac:dyDescent="0.2">
      <c r="A135" s="8">
        <v>133</v>
      </c>
      <c r="B135" s="12" t="s">
        <v>260</v>
      </c>
      <c r="C135" s="12" t="s">
        <v>266</v>
      </c>
    </row>
    <row r="136" spans="1:3" ht="27.6" customHeight="1" x14ac:dyDescent="0.2">
      <c r="A136" s="8">
        <v>134</v>
      </c>
      <c r="B136" s="12" t="s">
        <v>261</v>
      </c>
      <c r="C136" s="12" t="s">
        <v>262</v>
      </c>
    </row>
    <row r="137" spans="1:3" ht="27.6" customHeight="1" x14ac:dyDescent="0.2">
      <c r="A137" s="8">
        <v>135</v>
      </c>
      <c r="B137" s="12" t="s">
        <v>267</v>
      </c>
      <c r="C137" s="12" t="s">
        <v>275</v>
      </c>
    </row>
    <row r="138" spans="1:3" ht="27.6" customHeight="1" x14ac:dyDescent="0.2">
      <c r="A138" s="8">
        <v>136</v>
      </c>
      <c r="B138" s="12" t="s">
        <v>268</v>
      </c>
      <c r="C138" s="12" t="s">
        <v>269</v>
      </c>
    </row>
    <row r="139" spans="1:3" ht="27.6" customHeight="1" x14ac:dyDescent="0.2">
      <c r="A139" s="8">
        <v>137</v>
      </c>
      <c r="B139" s="12" t="s">
        <v>271</v>
      </c>
      <c r="C139" s="12" t="s">
        <v>293</v>
      </c>
    </row>
    <row r="140" spans="1:3" ht="27.6" customHeight="1" x14ac:dyDescent="0.2">
      <c r="A140" s="8">
        <v>138</v>
      </c>
      <c r="B140" s="12" t="s">
        <v>272</v>
      </c>
      <c r="C140" s="12" t="s">
        <v>7</v>
      </c>
    </row>
    <row r="141" spans="1:3" ht="27.6" customHeight="1" x14ac:dyDescent="0.2">
      <c r="A141" s="8">
        <v>139</v>
      </c>
      <c r="B141" s="12" t="s">
        <v>273</v>
      </c>
      <c r="C141" s="12" t="s">
        <v>274</v>
      </c>
    </row>
    <row r="142" spans="1:3" ht="27.6" customHeight="1" x14ac:dyDescent="0.2">
      <c r="A142" s="8">
        <v>140</v>
      </c>
      <c r="B142" s="12" t="s">
        <v>276</v>
      </c>
      <c r="C142" s="12" t="s">
        <v>277</v>
      </c>
    </row>
    <row r="143" spans="1:3" ht="27.6" customHeight="1" x14ac:dyDescent="0.2">
      <c r="A143" s="8">
        <v>141</v>
      </c>
      <c r="B143" s="12" t="s">
        <v>278</v>
      </c>
      <c r="C143" s="12" t="s">
        <v>279</v>
      </c>
    </row>
    <row r="144" spans="1:3" ht="27.6" customHeight="1" x14ac:dyDescent="0.2">
      <c r="A144" s="8">
        <v>142</v>
      </c>
      <c r="B144" s="12" t="s">
        <v>280</v>
      </c>
      <c r="C144" s="12" t="s">
        <v>281</v>
      </c>
    </row>
    <row r="145" spans="1:3" ht="27.6" customHeight="1" x14ac:dyDescent="0.2">
      <c r="A145" s="8">
        <v>143</v>
      </c>
      <c r="B145" s="12" t="s">
        <v>282</v>
      </c>
      <c r="C145" s="12" t="s">
        <v>292</v>
      </c>
    </row>
    <row r="146" spans="1:3" ht="27.6" customHeight="1" x14ac:dyDescent="0.2">
      <c r="A146" s="8">
        <v>144</v>
      </c>
      <c r="B146" s="12" t="s">
        <v>283</v>
      </c>
      <c r="C146" s="12" t="s">
        <v>284</v>
      </c>
    </row>
    <row r="147" spans="1:3" ht="27.6" customHeight="1" x14ac:dyDescent="0.2">
      <c r="A147" s="8">
        <v>145</v>
      </c>
      <c r="B147" s="12" t="s">
        <v>285</v>
      </c>
      <c r="C147" s="12" t="s">
        <v>286</v>
      </c>
    </row>
    <row r="148" spans="1:3" ht="27.6" customHeight="1" x14ac:dyDescent="0.2">
      <c r="A148" s="8">
        <v>146</v>
      </c>
      <c r="B148" s="12" t="s">
        <v>287</v>
      </c>
      <c r="C148" s="12" t="s">
        <v>295</v>
      </c>
    </row>
    <row r="149" spans="1:3" ht="27.6" customHeight="1" x14ac:dyDescent="0.2">
      <c r="A149" s="8">
        <v>147</v>
      </c>
      <c r="B149" s="12" t="s">
        <v>288</v>
      </c>
      <c r="C149" s="12" t="s">
        <v>290</v>
      </c>
    </row>
    <row r="150" spans="1:3" ht="27.6" customHeight="1" x14ac:dyDescent="0.2">
      <c r="A150" s="8">
        <v>148</v>
      </c>
      <c r="B150" s="4" t="s">
        <v>296</v>
      </c>
      <c r="C150" s="4" t="s">
        <v>299</v>
      </c>
    </row>
    <row r="151" spans="1:3" ht="27.6" customHeight="1" x14ac:dyDescent="0.2">
      <c r="A151" s="8">
        <v>149</v>
      </c>
      <c r="B151" s="4" t="s">
        <v>297</v>
      </c>
      <c r="C151" s="4" t="s">
        <v>298</v>
      </c>
    </row>
    <row r="152" spans="1:3" ht="27.6" customHeight="1" x14ac:dyDescent="0.2">
      <c r="A152" s="8">
        <v>150</v>
      </c>
      <c r="B152" s="4" t="s">
        <v>300</v>
      </c>
      <c r="C152" s="5" t="s">
        <v>304</v>
      </c>
    </row>
    <row r="153" spans="1:3" ht="27.6" customHeight="1" x14ac:dyDescent="0.2">
      <c r="A153" s="8">
        <v>151</v>
      </c>
      <c r="B153" s="4" t="s">
        <v>301</v>
      </c>
      <c r="C153" s="4" t="s">
        <v>305</v>
      </c>
    </row>
    <row r="154" spans="1:3" ht="27.6" customHeight="1" x14ac:dyDescent="0.2">
      <c r="A154" s="8">
        <v>152</v>
      </c>
      <c r="B154" s="4" t="s">
        <v>302</v>
      </c>
      <c r="C154" s="4" t="s">
        <v>307</v>
      </c>
    </row>
    <row r="155" spans="1:3" ht="27.6" customHeight="1" x14ac:dyDescent="0.2">
      <c r="A155" s="8">
        <v>153</v>
      </c>
      <c r="B155" s="4" t="s">
        <v>303</v>
      </c>
      <c r="C155" s="4" t="s">
        <v>306</v>
      </c>
    </row>
    <row r="156" spans="1:3" ht="27.6" customHeight="1" x14ac:dyDescent="0.2">
      <c r="A156" s="8">
        <v>154</v>
      </c>
      <c r="B156" s="4" t="s">
        <v>308</v>
      </c>
      <c r="C156" s="4" t="s">
        <v>311</v>
      </c>
    </row>
    <row r="157" spans="1:3" ht="27.6" customHeight="1" x14ac:dyDescent="0.2">
      <c r="A157" s="8">
        <v>155</v>
      </c>
      <c r="B157" s="4" t="s">
        <v>383</v>
      </c>
      <c r="C157" s="5" t="s">
        <v>312</v>
      </c>
    </row>
    <row r="158" spans="1:3" ht="27.6" customHeight="1" x14ac:dyDescent="0.2">
      <c r="A158" s="8">
        <v>156</v>
      </c>
      <c r="B158" s="4" t="s">
        <v>309</v>
      </c>
      <c r="C158" s="4" t="s">
        <v>314</v>
      </c>
    </row>
    <row r="159" spans="1:3" ht="27.6" customHeight="1" x14ac:dyDescent="0.2">
      <c r="A159" s="8">
        <v>157</v>
      </c>
      <c r="B159" s="4" t="s">
        <v>310</v>
      </c>
      <c r="C159" s="4" t="s">
        <v>315</v>
      </c>
    </row>
    <row r="160" spans="1:3" ht="27.6" customHeight="1" x14ac:dyDescent="0.2">
      <c r="A160" s="8">
        <v>158</v>
      </c>
      <c r="B160" s="9" t="s">
        <v>316</v>
      </c>
      <c r="C160" s="4" t="s">
        <v>317</v>
      </c>
    </row>
    <row r="161" spans="1:3" ht="27.6" customHeight="1" x14ac:dyDescent="0.2">
      <c r="A161" s="8">
        <v>159</v>
      </c>
      <c r="B161" s="4" t="s">
        <v>318</v>
      </c>
      <c r="C161" s="4" t="s">
        <v>321</v>
      </c>
    </row>
    <row r="162" spans="1:3" ht="27.6" customHeight="1" x14ac:dyDescent="0.2">
      <c r="A162" s="8">
        <v>160</v>
      </c>
      <c r="B162" s="4" t="s">
        <v>319</v>
      </c>
      <c r="C162" s="4" t="s">
        <v>322</v>
      </c>
    </row>
    <row r="163" spans="1:3" ht="27.6" customHeight="1" x14ac:dyDescent="0.2">
      <c r="A163" s="8">
        <v>161</v>
      </c>
      <c r="B163" s="4" t="s">
        <v>320</v>
      </c>
      <c r="C163" s="4" t="s">
        <v>323</v>
      </c>
    </row>
    <row r="164" spans="1:3" ht="27.6" customHeight="1" x14ac:dyDescent="0.2">
      <c r="A164" s="8">
        <v>162</v>
      </c>
      <c r="B164" s="9" t="s">
        <v>324</v>
      </c>
      <c r="C164" s="4" t="s">
        <v>328</v>
      </c>
    </row>
    <row r="165" spans="1:3" ht="27.6" customHeight="1" x14ac:dyDescent="0.2">
      <c r="A165" s="8">
        <v>163</v>
      </c>
      <c r="B165" s="9" t="s">
        <v>325</v>
      </c>
      <c r="C165" s="4" t="s">
        <v>329</v>
      </c>
    </row>
    <row r="166" spans="1:3" ht="27.6" customHeight="1" x14ac:dyDescent="0.2">
      <c r="A166" s="8">
        <v>164</v>
      </c>
      <c r="B166" s="9" t="s">
        <v>326</v>
      </c>
      <c r="C166" s="4" t="s">
        <v>330</v>
      </c>
    </row>
    <row r="167" spans="1:3" ht="27.6" customHeight="1" x14ac:dyDescent="0.2">
      <c r="A167" s="8">
        <v>165</v>
      </c>
      <c r="B167" s="9" t="s">
        <v>327</v>
      </c>
      <c r="C167" s="4" t="s">
        <v>331</v>
      </c>
    </row>
    <row r="168" spans="1:3" ht="27.6" customHeight="1" x14ac:dyDescent="0.2">
      <c r="A168" s="8">
        <v>166</v>
      </c>
      <c r="B168" s="4" t="s">
        <v>332</v>
      </c>
      <c r="C168" s="4" t="s">
        <v>337</v>
      </c>
    </row>
    <row r="169" spans="1:3" ht="27.6" customHeight="1" x14ac:dyDescent="0.2">
      <c r="A169" s="8">
        <v>167</v>
      </c>
      <c r="B169" s="4" t="s">
        <v>333</v>
      </c>
      <c r="C169" s="4" t="s">
        <v>338</v>
      </c>
    </row>
    <row r="170" spans="1:3" ht="27.6" customHeight="1" x14ac:dyDescent="0.2">
      <c r="A170" s="8">
        <v>168</v>
      </c>
      <c r="B170" s="4" t="s">
        <v>340</v>
      </c>
      <c r="C170" s="4" t="s">
        <v>339</v>
      </c>
    </row>
    <row r="171" spans="1:3" ht="27.6" customHeight="1" x14ac:dyDescent="0.2">
      <c r="A171" s="8">
        <v>169</v>
      </c>
      <c r="B171" s="4" t="s">
        <v>334</v>
      </c>
      <c r="C171" s="4" t="s">
        <v>342</v>
      </c>
    </row>
    <row r="172" spans="1:3" ht="27.6" customHeight="1" x14ac:dyDescent="0.2">
      <c r="A172" s="8">
        <v>170</v>
      </c>
      <c r="B172" s="4" t="s">
        <v>335</v>
      </c>
      <c r="C172" s="4" t="s">
        <v>341</v>
      </c>
    </row>
    <row r="173" spans="1:3" ht="27.6" customHeight="1" x14ac:dyDescent="0.2">
      <c r="A173" s="8">
        <v>171</v>
      </c>
      <c r="B173" s="4" t="s">
        <v>336</v>
      </c>
      <c r="C173" s="4" t="s">
        <v>172</v>
      </c>
    </row>
    <row r="174" spans="1:3" ht="27.6" customHeight="1" x14ac:dyDescent="0.2">
      <c r="A174" s="8">
        <v>172</v>
      </c>
      <c r="B174" s="4" t="s">
        <v>343</v>
      </c>
      <c r="C174" s="4" t="s">
        <v>348</v>
      </c>
    </row>
    <row r="175" spans="1:3" ht="27.6" customHeight="1" x14ac:dyDescent="0.2">
      <c r="A175" s="8">
        <v>173</v>
      </c>
      <c r="B175" s="4" t="s">
        <v>344</v>
      </c>
      <c r="C175" s="4" t="s">
        <v>349</v>
      </c>
    </row>
    <row r="176" spans="1:3" ht="27.6" customHeight="1" x14ac:dyDescent="0.2">
      <c r="A176" s="8">
        <v>174</v>
      </c>
      <c r="B176" s="4" t="s">
        <v>345</v>
      </c>
      <c r="C176" s="4" t="s">
        <v>350</v>
      </c>
    </row>
    <row r="177" spans="1:3" ht="27.6" customHeight="1" x14ac:dyDescent="0.2">
      <c r="A177" s="8">
        <v>175</v>
      </c>
      <c r="B177" s="4" t="s">
        <v>346</v>
      </c>
      <c r="C177" s="4" t="s">
        <v>351</v>
      </c>
    </row>
    <row r="178" spans="1:3" ht="27.6" customHeight="1" x14ac:dyDescent="0.2">
      <c r="A178" s="8">
        <v>176</v>
      </c>
      <c r="B178" s="4" t="s">
        <v>347</v>
      </c>
      <c r="C178" s="4" t="s">
        <v>352</v>
      </c>
    </row>
    <row r="179" spans="1:3" ht="27.6" customHeight="1" x14ac:dyDescent="0.2">
      <c r="A179" s="8">
        <v>177</v>
      </c>
      <c r="B179" s="4" t="s">
        <v>353</v>
      </c>
      <c r="C179" s="4" t="s">
        <v>355</v>
      </c>
    </row>
    <row r="180" spans="1:3" ht="27.6" customHeight="1" x14ac:dyDescent="0.2">
      <c r="A180" s="8">
        <v>178</v>
      </c>
      <c r="B180" s="4" t="s">
        <v>380</v>
      </c>
      <c r="C180" s="4" t="s">
        <v>356</v>
      </c>
    </row>
    <row r="181" spans="1:3" ht="27.6" customHeight="1" x14ac:dyDescent="0.2">
      <c r="A181" s="8">
        <v>179</v>
      </c>
      <c r="B181" s="4" t="s">
        <v>354</v>
      </c>
      <c r="C181" s="4" t="s">
        <v>357</v>
      </c>
    </row>
    <row r="182" spans="1:3" ht="27.6" customHeight="1" x14ac:dyDescent="0.2">
      <c r="A182" s="8">
        <v>180</v>
      </c>
      <c r="B182" s="4" t="s">
        <v>358</v>
      </c>
      <c r="C182" s="4" t="s">
        <v>370</v>
      </c>
    </row>
    <row r="183" spans="1:3" ht="27.6" customHeight="1" x14ac:dyDescent="0.2">
      <c r="A183" s="8">
        <v>181</v>
      </c>
      <c r="B183" s="4" t="s">
        <v>359</v>
      </c>
      <c r="C183" s="4" t="s">
        <v>381</v>
      </c>
    </row>
    <row r="184" spans="1:3" ht="27.6" customHeight="1" x14ac:dyDescent="0.2">
      <c r="A184" s="8">
        <v>182</v>
      </c>
      <c r="B184" s="4" t="s">
        <v>360</v>
      </c>
      <c r="C184" s="4" t="s">
        <v>371</v>
      </c>
    </row>
    <row r="185" spans="1:3" ht="27.6" customHeight="1" x14ac:dyDescent="0.2">
      <c r="A185" s="8">
        <v>183</v>
      </c>
      <c r="B185" s="4" t="s">
        <v>361</v>
      </c>
      <c r="C185" s="4" t="s">
        <v>379</v>
      </c>
    </row>
    <row r="186" spans="1:3" ht="27.6" customHeight="1" x14ac:dyDescent="0.2">
      <c r="A186" s="8">
        <v>184</v>
      </c>
      <c r="B186" s="4" t="s">
        <v>362</v>
      </c>
      <c r="C186" s="4" t="s">
        <v>372</v>
      </c>
    </row>
    <row r="187" spans="1:3" ht="27.6" customHeight="1" x14ac:dyDescent="0.2">
      <c r="A187" s="8">
        <v>185</v>
      </c>
      <c r="B187" s="4" t="s">
        <v>363</v>
      </c>
      <c r="C187" s="4" t="s">
        <v>373</v>
      </c>
    </row>
    <row r="188" spans="1:3" ht="27.6" customHeight="1" x14ac:dyDescent="0.2">
      <c r="A188" s="8">
        <v>186</v>
      </c>
      <c r="B188" s="4" t="s">
        <v>364</v>
      </c>
      <c r="C188" s="4" t="s">
        <v>374</v>
      </c>
    </row>
    <row r="189" spans="1:3" ht="27.6" customHeight="1" x14ac:dyDescent="0.2">
      <c r="A189" s="8">
        <v>187</v>
      </c>
      <c r="B189" s="4" t="s">
        <v>365</v>
      </c>
      <c r="C189" s="4" t="s">
        <v>375</v>
      </c>
    </row>
    <row r="190" spans="1:3" ht="27.6" customHeight="1" x14ac:dyDescent="0.2">
      <c r="A190" s="8">
        <v>188</v>
      </c>
      <c r="B190" s="4" t="s">
        <v>366</v>
      </c>
      <c r="C190" s="4" t="s">
        <v>376</v>
      </c>
    </row>
    <row r="191" spans="1:3" ht="27.6" customHeight="1" x14ac:dyDescent="0.2">
      <c r="A191" s="8">
        <v>189</v>
      </c>
      <c r="B191" s="4" t="s">
        <v>367</v>
      </c>
      <c r="C191" s="4" t="s">
        <v>377</v>
      </c>
    </row>
    <row r="192" spans="1:3" ht="27.6" customHeight="1" x14ac:dyDescent="0.2">
      <c r="A192" s="8">
        <v>190</v>
      </c>
      <c r="B192" s="4" t="s">
        <v>368</v>
      </c>
      <c r="C192" s="4" t="s">
        <v>382</v>
      </c>
    </row>
    <row r="193" spans="1:3" ht="27.6" customHeight="1" x14ac:dyDescent="0.2">
      <c r="A193" s="8">
        <v>191</v>
      </c>
      <c r="B193" s="4" t="s">
        <v>369</v>
      </c>
      <c r="C193" s="4" t="s">
        <v>378</v>
      </c>
    </row>
    <row r="194" spans="1:3" ht="27.6" customHeight="1" x14ac:dyDescent="0.2">
      <c r="A194" s="8">
        <v>192</v>
      </c>
      <c r="B194" s="4" t="s">
        <v>390</v>
      </c>
      <c r="C194" s="4" t="s">
        <v>313</v>
      </c>
    </row>
    <row r="195" spans="1:3" ht="27.6" customHeight="1" x14ac:dyDescent="0.2">
      <c r="A195" s="8">
        <v>193</v>
      </c>
      <c r="B195" s="4" t="s">
        <v>384</v>
      </c>
      <c r="C195" s="4" t="s">
        <v>394</v>
      </c>
    </row>
    <row r="196" spans="1:3" ht="27.6" customHeight="1" x14ac:dyDescent="0.2">
      <c r="A196" s="8">
        <v>194</v>
      </c>
      <c r="B196" s="4" t="s">
        <v>387</v>
      </c>
      <c r="C196" s="4" t="s">
        <v>392</v>
      </c>
    </row>
    <row r="197" spans="1:3" ht="27.6" customHeight="1" x14ac:dyDescent="0.2">
      <c r="A197" s="8">
        <v>195</v>
      </c>
      <c r="B197" s="4" t="s">
        <v>385</v>
      </c>
      <c r="C197" s="4" t="s">
        <v>391</v>
      </c>
    </row>
    <row r="198" spans="1:3" ht="27.6" customHeight="1" x14ac:dyDescent="0.2">
      <c r="A198" s="8">
        <v>196</v>
      </c>
      <c r="B198" s="4" t="s">
        <v>386</v>
      </c>
      <c r="C198" s="4" t="s">
        <v>393</v>
      </c>
    </row>
    <row r="199" spans="1:3" ht="27.6" customHeight="1" x14ac:dyDescent="0.2">
      <c r="A199" s="8">
        <v>197</v>
      </c>
      <c r="B199" s="4" t="s">
        <v>388</v>
      </c>
      <c r="C199" s="4" t="s">
        <v>838</v>
      </c>
    </row>
    <row r="200" spans="1:3" ht="27.6" customHeight="1" x14ac:dyDescent="0.2">
      <c r="A200" s="8">
        <v>198</v>
      </c>
      <c r="B200" s="4" t="s">
        <v>389</v>
      </c>
      <c r="C200" s="4" t="s">
        <v>4</v>
      </c>
    </row>
    <row r="201" spans="1:3" ht="27.6" customHeight="1" x14ac:dyDescent="0.2">
      <c r="A201" s="8">
        <v>199</v>
      </c>
      <c r="B201" s="4" t="s">
        <v>397</v>
      </c>
      <c r="C201" s="4" t="s">
        <v>401</v>
      </c>
    </row>
    <row r="202" spans="1:3" ht="27.6" customHeight="1" x14ac:dyDescent="0.2">
      <c r="A202" s="8">
        <v>200</v>
      </c>
      <c r="B202" s="4" t="s">
        <v>395</v>
      </c>
      <c r="C202" s="4" t="s">
        <v>399</v>
      </c>
    </row>
    <row r="203" spans="1:3" ht="27.6" customHeight="1" x14ac:dyDescent="0.2">
      <c r="A203" s="8">
        <v>201</v>
      </c>
      <c r="B203" s="4" t="s">
        <v>396</v>
      </c>
      <c r="C203" s="4" t="s">
        <v>400</v>
      </c>
    </row>
    <row r="204" spans="1:3" ht="27.6" customHeight="1" x14ac:dyDescent="0.2">
      <c r="A204" s="8">
        <v>202</v>
      </c>
      <c r="B204" s="4" t="s">
        <v>398</v>
      </c>
      <c r="C204" s="4" t="s">
        <v>402</v>
      </c>
    </row>
    <row r="205" spans="1:3" ht="27.6" customHeight="1" x14ac:dyDescent="0.2">
      <c r="A205" s="8">
        <v>203</v>
      </c>
      <c r="B205" s="4" t="s">
        <v>410</v>
      </c>
      <c r="C205" s="4" t="s">
        <v>419</v>
      </c>
    </row>
    <row r="206" spans="1:3" ht="27.6" customHeight="1" x14ac:dyDescent="0.2">
      <c r="A206" s="8">
        <v>204</v>
      </c>
      <c r="B206" s="4" t="s">
        <v>407</v>
      </c>
      <c r="C206" s="4" t="s">
        <v>420</v>
      </c>
    </row>
    <row r="207" spans="1:3" ht="27.6" customHeight="1" x14ac:dyDescent="0.2">
      <c r="A207" s="8">
        <v>205</v>
      </c>
      <c r="B207" s="4" t="s">
        <v>404</v>
      </c>
      <c r="C207" s="4" t="s">
        <v>413</v>
      </c>
    </row>
    <row r="208" spans="1:3" ht="27.6" customHeight="1" x14ac:dyDescent="0.2">
      <c r="A208" s="8">
        <v>206</v>
      </c>
      <c r="B208" s="4" t="s">
        <v>405</v>
      </c>
      <c r="C208" s="4" t="s">
        <v>416</v>
      </c>
    </row>
    <row r="209" spans="1:3" ht="27.6" customHeight="1" x14ac:dyDescent="0.2">
      <c r="A209" s="8">
        <v>207</v>
      </c>
      <c r="B209" s="4" t="s">
        <v>411</v>
      </c>
      <c r="C209" s="4" t="s">
        <v>417</v>
      </c>
    </row>
    <row r="210" spans="1:3" ht="27.6" customHeight="1" x14ac:dyDescent="0.2">
      <c r="A210" s="8">
        <v>208</v>
      </c>
      <c r="B210" s="4" t="s">
        <v>403</v>
      </c>
      <c r="C210" s="4" t="s">
        <v>412</v>
      </c>
    </row>
    <row r="211" spans="1:3" ht="27.6" customHeight="1" x14ac:dyDescent="0.2">
      <c r="A211" s="8">
        <v>209</v>
      </c>
      <c r="B211" s="4" t="s">
        <v>408</v>
      </c>
      <c r="C211" s="4" t="s">
        <v>415</v>
      </c>
    </row>
    <row r="212" spans="1:3" ht="27.6" customHeight="1" x14ac:dyDescent="0.2">
      <c r="A212" s="8">
        <v>210</v>
      </c>
      <c r="B212" s="4" t="s">
        <v>409</v>
      </c>
      <c r="C212" s="4" t="s">
        <v>418</v>
      </c>
    </row>
    <row r="213" spans="1:3" ht="27.6" customHeight="1" x14ac:dyDescent="0.2">
      <c r="A213" s="8">
        <v>211</v>
      </c>
      <c r="B213" s="4" t="s">
        <v>406</v>
      </c>
      <c r="C213" s="4" t="s">
        <v>414</v>
      </c>
    </row>
    <row r="214" spans="1:3" ht="27.6" customHeight="1" x14ac:dyDescent="0.2">
      <c r="A214" s="8">
        <v>212</v>
      </c>
      <c r="B214" s="6" t="s">
        <v>432</v>
      </c>
      <c r="C214" s="7" t="s">
        <v>433</v>
      </c>
    </row>
    <row r="215" spans="1:3" ht="27.6" customHeight="1" x14ac:dyDescent="0.2">
      <c r="A215" s="8">
        <v>213</v>
      </c>
      <c r="B215" s="6" t="s">
        <v>421</v>
      </c>
      <c r="C215" s="7" t="s">
        <v>434</v>
      </c>
    </row>
    <row r="216" spans="1:3" ht="27.6" customHeight="1" x14ac:dyDescent="0.2">
      <c r="A216" s="8">
        <v>214</v>
      </c>
      <c r="B216" s="6" t="s">
        <v>422</v>
      </c>
      <c r="C216" s="7" t="s">
        <v>435</v>
      </c>
    </row>
    <row r="217" spans="1:3" ht="27.6" customHeight="1" x14ac:dyDescent="0.2">
      <c r="A217" s="8">
        <v>215</v>
      </c>
      <c r="B217" s="6" t="s">
        <v>423</v>
      </c>
      <c r="C217" s="7" t="s">
        <v>436</v>
      </c>
    </row>
    <row r="218" spans="1:3" ht="27.6" customHeight="1" x14ac:dyDescent="0.2">
      <c r="A218" s="8">
        <v>216</v>
      </c>
      <c r="B218" s="6" t="s">
        <v>424</v>
      </c>
      <c r="C218" s="7" t="s">
        <v>437</v>
      </c>
    </row>
    <row r="219" spans="1:3" ht="27.6" customHeight="1" x14ac:dyDescent="0.2">
      <c r="A219" s="8">
        <v>217</v>
      </c>
      <c r="B219" s="6" t="s">
        <v>425</v>
      </c>
      <c r="C219" s="7" t="s">
        <v>438</v>
      </c>
    </row>
    <row r="220" spans="1:3" ht="27.6" customHeight="1" x14ac:dyDescent="0.2">
      <c r="A220" s="8">
        <v>218</v>
      </c>
      <c r="B220" s="6" t="s">
        <v>426</v>
      </c>
      <c r="C220" s="7" t="s">
        <v>439</v>
      </c>
    </row>
    <row r="221" spans="1:3" ht="27.6" customHeight="1" x14ac:dyDescent="0.2">
      <c r="A221" s="8">
        <v>219</v>
      </c>
      <c r="B221" s="6" t="s">
        <v>427</v>
      </c>
      <c r="C221" s="7" t="s">
        <v>440</v>
      </c>
    </row>
    <row r="222" spans="1:3" ht="27.6" customHeight="1" x14ac:dyDescent="0.2">
      <c r="A222" s="8">
        <v>220</v>
      </c>
      <c r="B222" s="6" t="s">
        <v>428</v>
      </c>
      <c r="C222" s="7" t="s">
        <v>441</v>
      </c>
    </row>
    <row r="223" spans="1:3" ht="27.6" customHeight="1" x14ac:dyDescent="0.2">
      <c r="A223" s="8">
        <v>221</v>
      </c>
      <c r="B223" s="6" t="s">
        <v>429</v>
      </c>
      <c r="C223" s="7" t="s">
        <v>445</v>
      </c>
    </row>
    <row r="224" spans="1:3" ht="27.6" customHeight="1" x14ac:dyDescent="0.2">
      <c r="A224" s="8">
        <v>222</v>
      </c>
      <c r="B224" s="6" t="s">
        <v>430</v>
      </c>
      <c r="C224" s="7" t="s">
        <v>442</v>
      </c>
    </row>
    <row r="225" spans="1:3" ht="27.6" customHeight="1" x14ac:dyDescent="0.2">
      <c r="A225" s="8">
        <v>223</v>
      </c>
      <c r="B225" s="6" t="s">
        <v>431</v>
      </c>
      <c r="C225" s="7" t="s">
        <v>443</v>
      </c>
    </row>
    <row r="226" spans="1:3" ht="27.6" customHeight="1" x14ac:dyDescent="0.2">
      <c r="A226" s="8">
        <v>224</v>
      </c>
      <c r="B226" s="13" t="s">
        <v>446</v>
      </c>
      <c r="C226" s="13" t="s">
        <v>457</v>
      </c>
    </row>
    <row r="227" spans="1:3" ht="27.6" customHeight="1" x14ac:dyDescent="0.2">
      <c r="A227" s="8">
        <v>225</v>
      </c>
      <c r="B227" s="13" t="s">
        <v>447</v>
      </c>
      <c r="C227" s="13" t="s">
        <v>458</v>
      </c>
    </row>
    <row r="228" spans="1:3" ht="27.6" customHeight="1" x14ac:dyDescent="0.2">
      <c r="A228" s="8">
        <v>226</v>
      </c>
      <c r="B228" s="13" t="s">
        <v>448</v>
      </c>
      <c r="C228" s="13" t="s">
        <v>289</v>
      </c>
    </row>
    <row r="229" spans="1:3" ht="27.6" customHeight="1" x14ac:dyDescent="0.2">
      <c r="A229" s="8">
        <v>227</v>
      </c>
      <c r="B229" s="13" t="s">
        <v>449</v>
      </c>
      <c r="C229" s="13" t="s">
        <v>270</v>
      </c>
    </row>
    <row r="230" spans="1:3" ht="27.6" customHeight="1" x14ac:dyDescent="0.2">
      <c r="A230" s="8">
        <v>228</v>
      </c>
      <c r="B230" s="13" t="s">
        <v>450</v>
      </c>
      <c r="C230" s="13" t="s">
        <v>459</v>
      </c>
    </row>
    <row r="231" spans="1:3" ht="27.6" customHeight="1" x14ac:dyDescent="0.2">
      <c r="A231" s="8">
        <v>229</v>
      </c>
      <c r="B231" s="13" t="s">
        <v>451</v>
      </c>
      <c r="C231" s="13" t="s">
        <v>460</v>
      </c>
    </row>
    <row r="232" spans="1:3" ht="27.6" customHeight="1" x14ac:dyDescent="0.2">
      <c r="A232" s="8">
        <v>230</v>
      </c>
      <c r="B232" s="13" t="s">
        <v>452</v>
      </c>
      <c r="C232" s="13" t="s">
        <v>461</v>
      </c>
    </row>
    <row r="233" spans="1:3" ht="27.6" customHeight="1" x14ac:dyDescent="0.2">
      <c r="A233" s="8">
        <v>231</v>
      </c>
      <c r="B233" s="13" t="s">
        <v>453</v>
      </c>
      <c r="C233" s="13" t="s">
        <v>462</v>
      </c>
    </row>
    <row r="234" spans="1:3" ht="27.6" customHeight="1" x14ac:dyDescent="0.2">
      <c r="A234" s="8">
        <v>232</v>
      </c>
      <c r="B234" s="13" t="s">
        <v>454</v>
      </c>
      <c r="C234" s="13" t="s">
        <v>463</v>
      </c>
    </row>
    <row r="235" spans="1:3" ht="27.6" customHeight="1" x14ac:dyDescent="0.2">
      <c r="A235" s="8">
        <v>233</v>
      </c>
      <c r="B235" s="13" t="s">
        <v>455</v>
      </c>
      <c r="C235" s="13" t="s">
        <v>464</v>
      </c>
    </row>
    <row r="236" spans="1:3" ht="27.6" customHeight="1" x14ac:dyDescent="0.2">
      <c r="A236" s="8">
        <v>234</v>
      </c>
      <c r="B236" s="13" t="s">
        <v>456</v>
      </c>
      <c r="C236" s="13" t="s">
        <v>465</v>
      </c>
    </row>
    <row r="237" spans="1:3" ht="27.6" customHeight="1" x14ac:dyDescent="0.2">
      <c r="A237" s="8">
        <v>235</v>
      </c>
      <c r="B237" s="13" t="s">
        <v>480</v>
      </c>
      <c r="C237" s="13" t="s">
        <v>467</v>
      </c>
    </row>
    <row r="238" spans="1:3" ht="27.6" customHeight="1" x14ac:dyDescent="0.2">
      <c r="A238" s="8">
        <v>236</v>
      </c>
      <c r="B238" s="13" t="s">
        <v>481</v>
      </c>
      <c r="C238" s="13" t="s">
        <v>468</v>
      </c>
    </row>
    <row r="239" spans="1:3" ht="27.6" customHeight="1" x14ac:dyDescent="0.2">
      <c r="A239" s="8">
        <v>237</v>
      </c>
      <c r="B239" s="13" t="s">
        <v>482</v>
      </c>
      <c r="C239" s="13" t="s">
        <v>469</v>
      </c>
    </row>
    <row r="240" spans="1:3" ht="27.6" customHeight="1" x14ac:dyDescent="0.2">
      <c r="A240" s="8">
        <v>238</v>
      </c>
      <c r="B240" s="13" t="s">
        <v>483</v>
      </c>
      <c r="C240" s="13" t="s">
        <v>470</v>
      </c>
    </row>
    <row r="241" spans="1:3" ht="27.6" customHeight="1" x14ac:dyDescent="0.2">
      <c r="A241" s="8">
        <v>239</v>
      </c>
      <c r="B241" s="13" t="s">
        <v>484</v>
      </c>
      <c r="C241" s="13" t="s">
        <v>471</v>
      </c>
    </row>
    <row r="242" spans="1:3" ht="27.6" customHeight="1" x14ac:dyDescent="0.2">
      <c r="A242" s="8">
        <v>240</v>
      </c>
      <c r="B242" s="13" t="s">
        <v>485</v>
      </c>
      <c r="C242" s="13" t="s">
        <v>472</v>
      </c>
    </row>
    <row r="243" spans="1:3" ht="27.6" customHeight="1" x14ac:dyDescent="0.2">
      <c r="A243" s="8">
        <v>241</v>
      </c>
      <c r="B243" s="13" t="s">
        <v>486</v>
      </c>
      <c r="C243" s="13" t="s">
        <v>473</v>
      </c>
    </row>
    <row r="244" spans="1:3" ht="27.6" customHeight="1" x14ac:dyDescent="0.2">
      <c r="A244" s="8">
        <v>242</v>
      </c>
      <c r="B244" s="13" t="s">
        <v>487</v>
      </c>
      <c r="C244" s="13" t="s">
        <v>474</v>
      </c>
    </row>
    <row r="245" spans="1:3" ht="27.6" customHeight="1" x14ac:dyDescent="0.2">
      <c r="A245" s="8">
        <v>243</v>
      </c>
      <c r="B245" s="13" t="s">
        <v>488</v>
      </c>
      <c r="C245" s="13" t="s">
        <v>475</v>
      </c>
    </row>
    <row r="246" spans="1:3" ht="27.6" customHeight="1" x14ac:dyDescent="0.2">
      <c r="A246" s="8">
        <v>244</v>
      </c>
      <c r="B246" s="13" t="s">
        <v>489</v>
      </c>
      <c r="C246" s="13" t="s">
        <v>476</v>
      </c>
    </row>
    <row r="247" spans="1:3" ht="27.6" customHeight="1" x14ac:dyDescent="0.2">
      <c r="A247" s="8">
        <v>245</v>
      </c>
      <c r="B247" s="13" t="s">
        <v>490</v>
      </c>
      <c r="C247" s="13" t="s">
        <v>477</v>
      </c>
    </row>
    <row r="248" spans="1:3" ht="27.6" customHeight="1" x14ac:dyDescent="0.2">
      <c r="A248" s="8">
        <v>246</v>
      </c>
      <c r="B248" s="13" t="s">
        <v>491</v>
      </c>
      <c r="C248" s="13" t="s">
        <v>478</v>
      </c>
    </row>
    <row r="249" spans="1:3" ht="27.6" customHeight="1" x14ac:dyDescent="0.2">
      <c r="A249" s="8">
        <v>247</v>
      </c>
      <c r="B249" s="13" t="s">
        <v>492</v>
      </c>
      <c r="C249" s="13" t="s">
        <v>479</v>
      </c>
    </row>
    <row r="250" spans="1:3" ht="27.6" customHeight="1" x14ac:dyDescent="0.2">
      <c r="A250" s="8">
        <v>248</v>
      </c>
      <c r="B250" s="4" t="s">
        <v>494</v>
      </c>
      <c r="C250" s="4" t="s">
        <v>534</v>
      </c>
    </row>
    <row r="251" spans="1:3" ht="27.6" customHeight="1" x14ac:dyDescent="0.2">
      <c r="A251" s="8">
        <v>249</v>
      </c>
      <c r="B251" s="4" t="s">
        <v>495</v>
      </c>
      <c r="C251" s="4" t="s">
        <v>535</v>
      </c>
    </row>
    <row r="252" spans="1:3" ht="27.6" customHeight="1" x14ac:dyDescent="0.2">
      <c r="A252" s="8">
        <v>250</v>
      </c>
      <c r="B252" s="4" t="s">
        <v>496</v>
      </c>
      <c r="C252" s="4" t="s">
        <v>536</v>
      </c>
    </row>
    <row r="253" spans="1:3" ht="27.6" customHeight="1" x14ac:dyDescent="0.2">
      <c r="A253" s="8">
        <v>251</v>
      </c>
      <c r="B253" s="4" t="s">
        <v>498</v>
      </c>
      <c r="C253" s="4" t="s">
        <v>538</v>
      </c>
    </row>
    <row r="254" spans="1:3" ht="27.6" customHeight="1" x14ac:dyDescent="0.2">
      <c r="A254" s="8">
        <v>252</v>
      </c>
      <c r="B254" s="4" t="s">
        <v>499</v>
      </c>
      <c r="C254" s="4" t="s">
        <v>539</v>
      </c>
    </row>
    <row r="255" spans="1:3" ht="27.6" customHeight="1" x14ac:dyDescent="0.2">
      <c r="A255" s="8">
        <v>253</v>
      </c>
      <c r="B255" s="4" t="s">
        <v>500</v>
      </c>
      <c r="C255" s="4" t="s">
        <v>540</v>
      </c>
    </row>
    <row r="256" spans="1:3" ht="27.6" customHeight="1" x14ac:dyDescent="0.2">
      <c r="A256" s="8">
        <v>254</v>
      </c>
      <c r="B256" s="4" t="s">
        <v>501</v>
      </c>
      <c r="C256" s="4" t="s">
        <v>541</v>
      </c>
    </row>
    <row r="257" spans="1:3" ht="27.6" customHeight="1" x14ac:dyDescent="0.2">
      <c r="A257" s="8">
        <v>255</v>
      </c>
      <c r="B257" s="4" t="s">
        <v>502</v>
      </c>
      <c r="C257" s="4" t="s">
        <v>542</v>
      </c>
    </row>
    <row r="258" spans="1:3" ht="27.6" customHeight="1" x14ac:dyDescent="0.2">
      <c r="A258" s="8">
        <v>256</v>
      </c>
      <c r="B258" s="4" t="s">
        <v>503</v>
      </c>
      <c r="C258" s="4" t="s">
        <v>543</v>
      </c>
    </row>
    <row r="259" spans="1:3" ht="27.6" customHeight="1" x14ac:dyDescent="0.2">
      <c r="A259" s="8">
        <v>257</v>
      </c>
      <c r="B259" s="4" t="s">
        <v>504</v>
      </c>
      <c r="C259" s="4" t="s">
        <v>544</v>
      </c>
    </row>
    <row r="260" spans="1:3" ht="27.6" customHeight="1" x14ac:dyDescent="0.2">
      <c r="A260" s="8">
        <v>258</v>
      </c>
      <c r="B260" s="4" t="s">
        <v>505</v>
      </c>
      <c r="C260" s="4" t="s">
        <v>545</v>
      </c>
    </row>
    <row r="261" spans="1:3" ht="27.6" customHeight="1" x14ac:dyDescent="0.2">
      <c r="A261" s="8">
        <v>259</v>
      </c>
      <c r="B261" s="4" t="s">
        <v>506</v>
      </c>
      <c r="C261" s="4" t="s">
        <v>546</v>
      </c>
    </row>
    <row r="262" spans="1:3" ht="27.6" customHeight="1" x14ac:dyDescent="0.2">
      <c r="A262" s="8">
        <v>260</v>
      </c>
      <c r="B262" s="4" t="s">
        <v>497</v>
      </c>
      <c r="C262" s="4" t="s">
        <v>537</v>
      </c>
    </row>
    <row r="263" spans="1:3" ht="27.6" customHeight="1" x14ac:dyDescent="0.2">
      <c r="A263" s="8">
        <v>261</v>
      </c>
      <c r="B263" s="4" t="s">
        <v>507</v>
      </c>
      <c r="C263" s="4" t="s">
        <v>547</v>
      </c>
    </row>
    <row r="264" spans="1:3" ht="27.6" customHeight="1" x14ac:dyDescent="0.2">
      <c r="A264" s="8">
        <v>262</v>
      </c>
      <c r="B264" s="4" t="s">
        <v>508</v>
      </c>
      <c r="C264" s="4" t="s">
        <v>548</v>
      </c>
    </row>
    <row r="265" spans="1:3" ht="27.6" customHeight="1" x14ac:dyDescent="0.2">
      <c r="A265" s="8">
        <v>263</v>
      </c>
      <c r="B265" s="4" t="s">
        <v>509</v>
      </c>
      <c r="C265" s="4" t="s">
        <v>549</v>
      </c>
    </row>
    <row r="266" spans="1:3" ht="27.6" customHeight="1" x14ac:dyDescent="0.2">
      <c r="A266" s="8">
        <v>264</v>
      </c>
      <c r="B266" s="4" t="s">
        <v>510</v>
      </c>
      <c r="C266" s="4" t="s">
        <v>550</v>
      </c>
    </row>
    <row r="267" spans="1:3" ht="27.6" customHeight="1" x14ac:dyDescent="0.2">
      <c r="A267" s="8">
        <v>265</v>
      </c>
      <c r="B267" s="4" t="s">
        <v>511</v>
      </c>
      <c r="C267" s="4" t="s">
        <v>551</v>
      </c>
    </row>
    <row r="268" spans="1:3" ht="27.6" customHeight="1" x14ac:dyDescent="0.2">
      <c r="A268" s="8">
        <v>266</v>
      </c>
      <c r="B268" s="4" t="s">
        <v>512</v>
      </c>
      <c r="C268" s="4" t="s">
        <v>552</v>
      </c>
    </row>
    <row r="269" spans="1:3" ht="27.6" customHeight="1" x14ac:dyDescent="0.2">
      <c r="A269" s="8">
        <v>267</v>
      </c>
      <c r="B269" s="4" t="s">
        <v>513</v>
      </c>
      <c r="C269" s="4" t="s">
        <v>553</v>
      </c>
    </row>
    <row r="270" spans="1:3" ht="27.6" customHeight="1" x14ac:dyDescent="0.2">
      <c r="A270" s="8">
        <v>268</v>
      </c>
      <c r="B270" s="4" t="s">
        <v>514</v>
      </c>
      <c r="C270" s="4" t="s">
        <v>554</v>
      </c>
    </row>
    <row r="271" spans="1:3" ht="27.6" customHeight="1" x14ac:dyDescent="0.2">
      <c r="A271" s="8">
        <v>269</v>
      </c>
      <c r="B271" s="4" t="s">
        <v>515</v>
      </c>
      <c r="C271" s="4" t="s">
        <v>555</v>
      </c>
    </row>
    <row r="272" spans="1:3" ht="27.6" customHeight="1" x14ac:dyDescent="0.2">
      <c r="A272" s="8">
        <v>270</v>
      </c>
      <c r="B272" s="4" t="s">
        <v>517</v>
      </c>
      <c r="C272" s="4" t="s">
        <v>557</v>
      </c>
    </row>
    <row r="273" spans="1:3" ht="27.6" customHeight="1" x14ac:dyDescent="0.2">
      <c r="A273" s="8">
        <v>271</v>
      </c>
      <c r="B273" s="4" t="s">
        <v>516</v>
      </c>
      <c r="C273" s="4" t="s">
        <v>556</v>
      </c>
    </row>
    <row r="274" spans="1:3" ht="27.6" customHeight="1" x14ac:dyDescent="0.2">
      <c r="A274" s="8">
        <v>272</v>
      </c>
      <c r="B274" s="4" t="s">
        <v>518</v>
      </c>
      <c r="C274" s="4" t="s">
        <v>558</v>
      </c>
    </row>
    <row r="275" spans="1:3" ht="27.6" customHeight="1" x14ac:dyDescent="0.2">
      <c r="A275" s="8">
        <v>273</v>
      </c>
      <c r="B275" s="4" t="s">
        <v>519</v>
      </c>
      <c r="C275" s="4" t="s">
        <v>559</v>
      </c>
    </row>
    <row r="276" spans="1:3" ht="27.6" customHeight="1" x14ac:dyDescent="0.2">
      <c r="A276" s="8">
        <v>274</v>
      </c>
      <c r="B276" s="4" t="s">
        <v>520</v>
      </c>
      <c r="C276" s="4" t="s">
        <v>560</v>
      </c>
    </row>
    <row r="277" spans="1:3" ht="27.6" customHeight="1" x14ac:dyDescent="0.2">
      <c r="A277" s="8">
        <v>275</v>
      </c>
      <c r="B277" s="4" t="s">
        <v>521</v>
      </c>
      <c r="C277" s="4" t="s">
        <v>561</v>
      </c>
    </row>
    <row r="278" spans="1:3" ht="27.6" customHeight="1" x14ac:dyDescent="0.2">
      <c r="A278" s="8">
        <v>276</v>
      </c>
      <c r="B278" s="4" t="s">
        <v>522</v>
      </c>
      <c r="C278" s="4" t="s">
        <v>563</v>
      </c>
    </row>
    <row r="279" spans="1:3" ht="27.6" customHeight="1" x14ac:dyDescent="0.2">
      <c r="A279" s="8">
        <v>277</v>
      </c>
      <c r="B279" s="4" t="s">
        <v>523</v>
      </c>
      <c r="C279" s="4" t="s">
        <v>564</v>
      </c>
    </row>
    <row r="280" spans="1:3" ht="27.6" customHeight="1" x14ac:dyDescent="0.2">
      <c r="A280" s="8">
        <v>278</v>
      </c>
      <c r="B280" s="4" t="s">
        <v>524</v>
      </c>
      <c r="C280" s="4" t="s">
        <v>565</v>
      </c>
    </row>
    <row r="281" spans="1:3" ht="27.6" customHeight="1" x14ac:dyDescent="0.2">
      <c r="A281" s="8">
        <v>279</v>
      </c>
      <c r="B281" s="4" t="s">
        <v>525</v>
      </c>
      <c r="C281" s="4" t="s">
        <v>566</v>
      </c>
    </row>
    <row r="282" spans="1:3" ht="27.6" customHeight="1" x14ac:dyDescent="0.2">
      <c r="A282" s="8">
        <v>280</v>
      </c>
      <c r="B282" s="4" t="s">
        <v>526</v>
      </c>
      <c r="C282" s="4" t="s">
        <v>567</v>
      </c>
    </row>
    <row r="283" spans="1:3" ht="27.6" customHeight="1" x14ac:dyDescent="0.2">
      <c r="A283" s="8">
        <v>281</v>
      </c>
      <c r="B283" s="4" t="s">
        <v>527</v>
      </c>
      <c r="C283" s="4" t="s">
        <v>574</v>
      </c>
    </row>
    <row r="284" spans="1:3" ht="27.6" customHeight="1" x14ac:dyDescent="0.2">
      <c r="A284" s="8">
        <v>282</v>
      </c>
      <c r="B284" s="4" t="s">
        <v>528</v>
      </c>
      <c r="C284" s="4" t="s">
        <v>568</v>
      </c>
    </row>
    <row r="285" spans="1:3" ht="27.6" customHeight="1" x14ac:dyDescent="0.2">
      <c r="A285" s="8">
        <v>283</v>
      </c>
      <c r="B285" s="4" t="s">
        <v>529</v>
      </c>
      <c r="C285" s="4" t="s">
        <v>575</v>
      </c>
    </row>
    <row r="286" spans="1:3" ht="27.6" customHeight="1" x14ac:dyDescent="0.2">
      <c r="A286" s="8">
        <v>284</v>
      </c>
      <c r="B286" s="4" t="s">
        <v>531</v>
      </c>
      <c r="C286" s="4" t="s">
        <v>570</v>
      </c>
    </row>
    <row r="287" spans="1:3" ht="27.6" customHeight="1" x14ac:dyDescent="0.2">
      <c r="A287" s="8">
        <v>285</v>
      </c>
      <c r="B287" s="4" t="s">
        <v>530</v>
      </c>
      <c r="C287" s="4" t="s">
        <v>569</v>
      </c>
    </row>
    <row r="288" spans="1:3" ht="27.6" customHeight="1" x14ac:dyDescent="0.2">
      <c r="A288" s="8">
        <v>286</v>
      </c>
      <c r="B288" s="4" t="s">
        <v>576</v>
      </c>
      <c r="C288" s="4" t="s">
        <v>572</v>
      </c>
    </row>
    <row r="289" spans="1:3" ht="27.6" customHeight="1" x14ac:dyDescent="0.2">
      <c r="A289" s="8">
        <v>287</v>
      </c>
      <c r="B289" s="4" t="s">
        <v>533</v>
      </c>
      <c r="C289" s="4" t="s">
        <v>573</v>
      </c>
    </row>
    <row r="290" spans="1:3" ht="27.6" customHeight="1" x14ac:dyDescent="0.2">
      <c r="A290" s="8">
        <v>288</v>
      </c>
      <c r="B290" s="4" t="s">
        <v>532</v>
      </c>
      <c r="C290" s="4" t="s">
        <v>571</v>
      </c>
    </row>
    <row r="291" spans="1:3" ht="27.6" customHeight="1" x14ac:dyDescent="0.2">
      <c r="A291" s="8">
        <v>289</v>
      </c>
      <c r="B291" s="13" t="s">
        <v>577</v>
      </c>
      <c r="C291" s="13" t="s">
        <v>586</v>
      </c>
    </row>
    <row r="292" spans="1:3" ht="27.6" customHeight="1" x14ac:dyDescent="0.2">
      <c r="A292" s="8">
        <v>290</v>
      </c>
      <c r="B292" s="13" t="s">
        <v>578</v>
      </c>
      <c r="C292" s="13" t="s">
        <v>587</v>
      </c>
    </row>
    <row r="293" spans="1:3" ht="27.6" customHeight="1" x14ac:dyDescent="0.2">
      <c r="A293" s="8">
        <v>291</v>
      </c>
      <c r="B293" s="13" t="s">
        <v>579</v>
      </c>
      <c r="C293" s="13" t="s">
        <v>588</v>
      </c>
    </row>
    <row r="294" spans="1:3" ht="27.6" customHeight="1" x14ac:dyDescent="0.2">
      <c r="A294" s="8">
        <v>292</v>
      </c>
      <c r="B294" s="13" t="s">
        <v>580</v>
      </c>
      <c r="C294" s="13" t="s">
        <v>589</v>
      </c>
    </row>
    <row r="295" spans="1:3" ht="27.6" customHeight="1" x14ac:dyDescent="0.2">
      <c r="A295" s="8">
        <v>293</v>
      </c>
      <c r="B295" s="13" t="s">
        <v>581</v>
      </c>
      <c r="C295" s="13" t="s">
        <v>590</v>
      </c>
    </row>
    <row r="296" spans="1:3" ht="27.6" customHeight="1" x14ac:dyDescent="0.2">
      <c r="A296" s="8">
        <v>294</v>
      </c>
      <c r="B296" s="13" t="s">
        <v>582</v>
      </c>
      <c r="C296" s="13" t="s">
        <v>591</v>
      </c>
    </row>
    <row r="297" spans="1:3" ht="27.6" customHeight="1" x14ac:dyDescent="0.2">
      <c r="A297" s="8">
        <v>295</v>
      </c>
      <c r="B297" s="13" t="s">
        <v>583</v>
      </c>
      <c r="C297" s="13" t="s">
        <v>592</v>
      </c>
    </row>
    <row r="298" spans="1:3" ht="27.6" customHeight="1" x14ac:dyDescent="0.2">
      <c r="A298" s="8">
        <v>296</v>
      </c>
      <c r="B298" s="13" t="s">
        <v>584</v>
      </c>
      <c r="C298" s="13" t="s">
        <v>593</v>
      </c>
    </row>
    <row r="299" spans="1:3" ht="27.6" customHeight="1" x14ac:dyDescent="0.2">
      <c r="A299" s="8">
        <v>297</v>
      </c>
      <c r="B299" s="13" t="s">
        <v>585</v>
      </c>
      <c r="C299" s="13" t="s">
        <v>248</v>
      </c>
    </row>
    <row r="300" spans="1:3" ht="27.6" customHeight="1" x14ac:dyDescent="0.2">
      <c r="A300" s="8">
        <v>298</v>
      </c>
      <c r="B300" s="13" t="s">
        <v>594</v>
      </c>
      <c r="C300" s="13" t="s">
        <v>623</v>
      </c>
    </row>
    <row r="301" spans="1:3" ht="27.6" customHeight="1" x14ac:dyDescent="0.2">
      <c r="A301" s="8">
        <v>299</v>
      </c>
      <c r="B301" s="13" t="s">
        <v>595</v>
      </c>
      <c r="C301" s="13" t="s">
        <v>624</v>
      </c>
    </row>
    <row r="302" spans="1:3" ht="27.6" customHeight="1" x14ac:dyDescent="0.2">
      <c r="A302" s="8">
        <v>300</v>
      </c>
      <c r="B302" s="13" t="s">
        <v>596</v>
      </c>
      <c r="C302" s="13" t="s">
        <v>650</v>
      </c>
    </row>
    <row r="303" spans="1:3" ht="27.6" customHeight="1" x14ac:dyDescent="0.2">
      <c r="A303" s="8">
        <v>301</v>
      </c>
      <c r="B303" s="13" t="s">
        <v>597</v>
      </c>
      <c r="C303" s="13" t="s">
        <v>625</v>
      </c>
    </row>
    <row r="304" spans="1:3" ht="27.6" customHeight="1" x14ac:dyDescent="0.2">
      <c r="A304" s="8">
        <v>302</v>
      </c>
      <c r="B304" s="13" t="s">
        <v>598</v>
      </c>
      <c r="C304" s="13" t="s">
        <v>651</v>
      </c>
    </row>
    <row r="305" spans="1:3" ht="27.6" customHeight="1" x14ac:dyDescent="0.2">
      <c r="A305" s="8">
        <v>303</v>
      </c>
      <c r="B305" s="13" t="s">
        <v>599</v>
      </c>
      <c r="C305" s="13" t="s">
        <v>626</v>
      </c>
    </row>
    <row r="306" spans="1:3" ht="27.6" customHeight="1" x14ac:dyDescent="0.2">
      <c r="A306" s="8">
        <v>304</v>
      </c>
      <c r="B306" s="13" t="s">
        <v>600</v>
      </c>
      <c r="C306" s="13" t="s">
        <v>627</v>
      </c>
    </row>
    <row r="307" spans="1:3" ht="27.6" customHeight="1" x14ac:dyDescent="0.2">
      <c r="A307" s="8">
        <v>305</v>
      </c>
      <c r="B307" s="13" t="s">
        <v>601</v>
      </c>
      <c r="C307" s="13" t="s">
        <v>628</v>
      </c>
    </row>
    <row r="308" spans="1:3" ht="27.6" customHeight="1" x14ac:dyDescent="0.2">
      <c r="A308" s="8">
        <v>306</v>
      </c>
      <c r="B308" s="13" t="s">
        <v>602</v>
      </c>
      <c r="C308" s="13" t="s">
        <v>629</v>
      </c>
    </row>
    <row r="309" spans="1:3" ht="27.6" customHeight="1" x14ac:dyDescent="0.2">
      <c r="A309" s="8">
        <v>307</v>
      </c>
      <c r="B309" s="13" t="s">
        <v>603</v>
      </c>
      <c r="C309" s="13" t="s">
        <v>630</v>
      </c>
    </row>
    <row r="310" spans="1:3" ht="27.6" customHeight="1" x14ac:dyDescent="0.2">
      <c r="A310" s="8">
        <v>308</v>
      </c>
      <c r="B310" s="13" t="s">
        <v>604</v>
      </c>
      <c r="C310" s="13" t="s">
        <v>631</v>
      </c>
    </row>
    <row r="311" spans="1:3" ht="27.6" customHeight="1" x14ac:dyDescent="0.2">
      <c r="A311" s="8">
        <v>309</v>
      </c>
      <c r="B311" s="13" t="s">
        <v>605</v>
      </c>
      <c r="C311" s="13" t="s">
        <v>632</v>
      </c>
    </row>
    <row r="312" spans="1:3" ht="27.6" customHeight="1" x14ac:dyDescent="0.2">
      <c r="A312" s="8">
        <v>310</v>
      </c>
      <c r="B312" s="13" t="s">
        <v>606</v>
      </c>
      <c r="C312" s="13" t="s">
        <v>633</v>
      </c>
    </row>
    <row r="313" spans="1:3" ht="27.6" customHeight="1" x14ac:dyDescent="0.2">
      <c r="A313" s="8">
        <v>311</v>
      </c>
      <c r="B313" s="13" t="s">
        <v>607</v>
      </c>
      <c r="C313" s="13" t="s">
        <v>634</v>
      </c>
    </row>
    <row r="314" spans="1:3" ht="27.6" customHeight="1" x14ac:dyDescent="0.2">
      <c r="A314" s="8">
        <v>312</v>
      </c>
      <c r="B314" s="13" t="s">
        <v>608</v>
      </c>
      <c r="C314" s="13" t="s">
        <v>635</v>
      </c>
    </row>
    <row r="315" spans="1:3" ht="27.6" customHeight="1" x14ac:dyDescent="0.2">
      <c r="A315" s="8">
        <v>313</v>
      </c>
      <c r="B315" s="13" t="s">
        <v>609</v>
      </c>
      <c r="C315" s="13" t="s">
        <v>636</v>
      </c>
    </row>
    <row r="316" spans="1:3" ht="27.6" customHeight="1" x14ac:dyDescent="0.2">
      <c r="A316" s="8">
        <v>314</v>
      </c>
      <c r="B316" s="13" t="s">
        <v>610</v>
      </c>
      <c r="C316" s="13" t="s">
        <v>637</v>
      </c>
    </row>
    <row r="317" spans="1:3" ht="27.6" customHeight="1" x14ac:dyDescent="0.2">
      <c r="A317" s="8">
        <v>315</v>
      </c>
      <c r="B317" s="13" t="s">
        <v>611</v>
      </c>
      <c r="C317" s="13" t="s">
        <v>638</v>
      </c>
    </row>
    <row r="318" spans="1:3" ht="27.6" customHeight="1" x14ac:dyDescent="0.2">
      <c r="A318" s="8">
        <v>316</v>
      </c>
      <c r="B318" s="13" t="s">
        <v>612</v>
      </c>
      <c r="C318" s="13" t="s">
        <v>639</v>
      </c>
    </row>
    <row r="319" spans="1:3" ht="27.6" customHeight="1" x14ac:dyDescent="0.2">
      <c r="A319" s="8">
        <v>317</v>
      </c>
      <c r="B319" s="13" t="s">
        <v>613</v>
      </c>
      <c r="C319" s="13" t="s">
        <v>640</v>
      </c>
    </row>
    <row r="320" spans="1:3" ht="27.6" customHeight="1" x14ac:dyDescent="0.2">
      <c r="A320" s="8">
        <v>318</v>
      </c>
      <c r="B320" s="13" t="s">
        <v>614</v>
      </c>
      <c r="C320" s="13" t="s">
        <v>641</v>
      </c>
    </row>
    <row r="321" spans="1:3" ht="27.6" customHeight="1" x14ac:dyDescent="0.2">
      <c r="A321" s="8">
        <v>319</v>
      </c>
      <c r="B321" s="13" t="s">
        <v>615</v>
      </c>
      <c r="C321" s="13" t="s">
        <v>642</v>
      </c>
    </row>
    <row r="322" spans="1:3" ht="27.6" customHeight="1" x14ac:dyDescent="0.2">
      <c r="A322" s="8">
        <v>320</v>
      </c>
      <c r="B322" s="13" t="s">
        <v>616</v>
      </c>
      <c r="C322" s="13" t="s">
        <v>643</v>
      </c>
    </row>
    <row r="323" spans="1:3" ht="27.6" customHeight="1" x14ac:dyDescent="0.2">
      <c r="A323" s="8">
        <v>321</v>
      </c>
      <c r="B323" s="13" t="s">
        <v>617</v>
      </c>
      <c r="C323" s="13" t="s">
        <v>644</v>
      </c>
    </row>
    <row r="324" spans="1:3" ht="27.6" customHeight="1" x14ac:dyDescent="0.2">
      <c r="A324" s="8">
        <v>322</v>
      </c>
      <c r="B324" s="13" t="s">
        <v>618</v>
      </c>
      <c r="C324" s="13" t="s">
        <v>645</v>
      </c>
    </row>
    <row r="325" spans="1:3" ht="27.6" customHeight="1" x14ac:dyDescent="0.2">
      <c r="A325" s="8">
        <v>323</v>
      </c>
      <c r="B325" s="13" t="s">
        <v>619</v>
      </c>
      <c r="C325" s="13" t="s">
        <v>646</v>
      </c>
    </row>
    <row r="326" spans="1:3" ht="27.6" customHeight="1" x14ac:dyDescent="0.2">
      <c r="A326" s="8">
        <v>324</v>
      </c>
      <c r="B326" s="13" t="s">
        <v>620</v>
      </c>
      <c r="C326" s="13" t="s">
        <v>647</v>
      </c>
    </row>
    <row r="327" spans="1:3" ht="27.6" customHeight="1" x14ac:dyDescent="0.2">
      <c r="A327" s="8">
        <v>325</v>
      </c>
      <c r="B327" s="13" t="s">
        <v>621</v>
      </c>
      <c r="C327" s="13" t="s">
        <v>648</v>
      </c>
    </row>
    <row r="328" spans="1:3" ht="28.2" customHeight="1" x14ac:dyDescent="0.2">
      <c r="A328" s="8">
        <v>326</v>
      </c>
      <c r="B328" s="13" t="s">
        <v>622</v>
      </c>
      <c r="C328" s="13" t="s">
        <v>649</v>
      </c>
    </row>
    <row r="329" spans="1:3" ht="28.2" customHeight="1" x14ac:dyDescent="0.2">
      <c r="A329" s="8">
        <v>327</v>
      </c>
      <c r="B329" s="4" t="s">
        <v>652</v>
      </c>
      <c r="C329" s="4" t="s">
        <v>672</v>
      </c>
    </row>
    <row r="330" spans="1:3" ht="28.2" customHeight="1" x14ac:dyDescent="0.2">
      <c r="A330" s="8">
        <v>328</v>
      </c>
      <c r="B330" s="4" t="s">
        <v>653</v>
      </c>
      <c r="C330" s="4" t="s">
        <v>673</v>
      </c>
    </row>
    <row r="331" spans="1:3" ht="28.2" customHeight="1" x14ac:dyDescent="0.2">
      <c r="A331" s="8">
        <v>329</v>
      </c>
      <c r="B331" s="4" t="s">
        <v>654</v>
      </c>
      <c r="C331" s="4" t="s">
        <v>674</v>
      </c>
    </row>
    <row r="332" spans="1:3" ht="28.2" customHeight="1" x14ac:dyDescent="0.2">
      <c r="A332" s="8">
        <v>330</v>
      </c>
      <c r="B332" s="4" t="s">
        <v>655</v>
      </c>
      <c r="C332" s="4" t="s">
        <v>675</v>
      </c>
    </row>
    <row r="333" spans="1:3" ht="28.2" customHeight="1" x14ac:dyDescent="0.2">
      <c r="A333" s="8">
        <v>331</v>
      </c>
      <c r="B333" s="4" t="s">
        <v>656</v>
      </c>
      <c r="C333" s="4" t="s">
        <v>676</v>
      </c>
    </row>
    <row r="334" spans="1:3" ht="28.2" customHeight="1" x14ac:dyDescent="0.2">
      <c r="A334" s="8">
        <v>332</v>
      </c>
      <c r="B334" s="4" t="s">
        <v>657</v>
      </c>
      <c r="C334" s="4" t="s">
        <v>690</v>
      </c>
    </row>
    <row r="335" spans="1:3" ht="28.2" customHeight="1" x14ac:dyDescent="0.2">
      <c r="A335" s="8">
        <v>333</v>
      </c>
      <c r="B335" s="4" t="s">
        <v>658</v>
      </c>
      <c r="C335" s="4" t="s">
        <v>677</v>
      </c>
    </row>
    <row r="336" spans="1:3" ht="28.2" customHeight="1" x14ac:dyDescent="0.2">
      <c r="A336" s="8">
        <v>334</v>
      </c>
      <c r="B336" s="4" t="s">
        <v>659</v>
      </c>
      <c r="C336" s="4" t="s">
        <v>678</v>
      </c>
    </row>
    <row r="337" spans="1:3" ht="28.2" customHeight="1" x14ac:dyDescent="0.2">
      <c r="A337" s="8">
        <v>335</v>
      </c>
      <c r="B337" s="4" t="s">
        <v>660</v>
      </c>
      <c r="C337" s="4" t="s">
        <v>691</v>
      </c>
    </row>
    <row r="338" spans="1:3" ht="28.2" customHeight="1" x14ac:dyDescent="0.2">
      <c r="A338" s="8">
        <v>336</v>
      </c>
      <c r="B338" s="4" t="s">
        <v>661</v>
      </c>
      <c r="C338" s="4" t="s">
        <v>679</v>
      </c>
    </row>
    <row r="339" spans="1:3" ht="28.2" customHeight="1" x14ac:dyDescent="0.2">
      <c r="A339" s="8">
        <v>337</v>
      </c>
      <c r="B339" s="4" t="s">
        <v>662</v>
      </c>
      <c r="C339" s="4" t="s">
        <v>680</v>
      </c>
    </row>
    <row r="340" spans="1:3" ht="28.2" customHeight="1" x14ac:dyDescent="0.2">
      <c r="A340" s="8">
        <v>338</v>
      </c>
      <c r="B340" s="4" t="s">
        <v>663</v>
      </c>
      <c r="C340" s="4" t="s">
        <v>681</v>
      </c>
    </row>
    <row r="341" spans="1:3" ht="28.2" customHeight="1" x14ac:dyDescent="0.2">
      <c r="A341" s="8">
        <v>339</v>
      </c>
      <c r="B341" s="4" t="s">
        <v>664</v>
      </c>
      <c r="C341" s="4" t="s">
        <v>682</v>
      </c>
    </row>
    <row r="342" spans="1:3" ht="28.2" customHeight="1" x14ac:dyDescent="0.2">
      <c r="A342" s="8">
        <v>340</v>
      </c>
      <c r="B342" s="4" t="s">
        <v>665</v>
      </c>
      <c r="C342" s="4" t="s">
        <v>683</v>
      </c>
    </row>
    <row r="343" spans="1:3" ht="28.2" customHeight="1" x14ac:dyDescent="0.2">
      <c r="A343" s="8">
        <v>341</v>
      </c>
      <c r="B343" s="4" t="s">
        <v>666</v>
      </c>
      <c r="C343" s="4" t="s">
        <v>684</v>
      </c>
    </row>
    <row r="344" spans="1:3" ht="28.2" customHeight="1" x14ac:dyDescent="0.2">
      <c r="A344" s="8">
        <v>342</v>
      </c>
      <c r="B344" s="4" t="s">
        <v>667</v>
      </c>
      <c r="C344" s="4" t="s">
        <v>685</v>
      </c>
    </row>
    <row r="345" spans="1:3" ht="28.2" customHeight="1" x14ac:dyDescent="0.2">
      <c r="A345" s="8">
        <v>343</v>
      </c>
      <c r="B345" s="4" t="s">
        <v>668</v>
      </c>
      <c r="C345" s="4" t="s">
        <v>686</v>
      </c>
    </row>
    <row r="346" spans="1:3" ht="28.2" customHeight="1" x14ac:dyDescent="0.2">
      <c r="A346" s="8">
        <v>344</v>
      </c>
      <c r="B346" s="4" t="s">
        <v>669</v>
      </c>
      <c r="C346" s="4" t="s">
        <v>687</v>
      </c>
    </row>
    <row r="347" spans="1:3" ht="28.2" customHeight="1" x14ac:dyDescent="0.2">
      <c r="A347" s="8">
        <v>345</v>
      </c>
      <c r="B347" s="4" t="s">
        <v>670</v>
      </c>
      <c r="C347" s="4" t="s">
        <v>688</v>
      </c>
    </row>
    <row r="348" spans="1:3" ht="28.95" customHeight="1" x14ac:dyDescent="0.2">
      <c r="A348" s="8">
        <v>346</v>
      </c>
      <c r="B348" s="4" t="s">
        <v>671</v>
      </c>
      <c r="C348" s="4" t="s">
        <v>689</v>
      </c>
    </row>
    <row r="349" spans="1:3" ht="29.4" customHeight="1" x14ac:dyDescent="0.2">
      <c r="A349" s="8">
        <v>347</v>
      </c>
      <c r="B349" s="9" t="s">
        <v>692</v>
      </c>
      <c r="C349" s="9" t="s">
        <v>693</v>
      </c>
    </row>
    <row r="350" spans="1:3" ht="29.4" customHeight="1" x14ac:dyDescent="0.2">
      <c r="A350" s="8">
        <v>348</v>
      </c>
      <c r="B350" s="4" t="s">
        <v>694</v>
      </c>
      <c r="C350" s="4" t="s">
        <v>712</v>
      </c>
    </row>
    <row r="351" spans="1:3" ht="29.4" customHeight="1" x14ac:dyDescent="0.2">
      <c r="A351" s="8">
        <v>349</v>
      </c>
      <c r="B351" s="4" t="s">
        <v>695</v>
      </c>
      <c r="C351" s="4" t="s">
        <v>713</v>
      </c>
    </row>
    <row r="352" spans="1:3" ht="29.4" customHeight="1" x14ac:dyDescent="0.2">
      <c r="A352" s="8">
        <v>350</v>
      </c>
      <c r="B352" s="4" t="s">
        <v>696</v>
      </c>
      <c r="C352" s="4" t="s">
        <v>714</v>
      </c>
    </row>
    <row r="353" spans="1:3" ht="29.4" customHeight="1" x14ac:dyDescent="0.2">
      <c r="A353" s="8">
        <v>351</v>
      </c>
      <c r="B353" s="4" t="s">
        <v>697</v>
      </c>
      <c r="C353" s="4" t="s">
        <v>715</v>
      </c>
    </row>
    <row r="354" spans="1:3" ht="29.4" customHeight="1" x14ac:dyDescent="0.2">
      <c r="A354" s="8">
        <v>352</v>
      </c>
      <c r="B354" s="4" t="s">
        <v>698</v>
      </c>
      <c r="C354" s="4" t="s">
        <v>716</v>
      </c>
    </row>
    <row r="355" spans="1:3" ht="29.4" customHeight="1" x14ac:dyDescent="0.2">
      <c r="A355" s="8">
        <v>353</v>
      </c>
      <c r="B355" s="4" t="s">
        <v>699</v>
      </c>
      <c r="C355" s="4" t="s">
        <v>717</v>
      </c>
    </row>
    <row r="356" spans="1:3" ht="29.4" customHeight="1" x14ac:dyDescent="0.2">
      <c r="A356" s="8">
        <v>354</v>
      </c>
      <c r="B356" s="4" t="s">
        <v>700</v>
      </c>
      <c r="C356" s="4" t="s">
        <v>718</v>
      </c>
    </row>
    <row r="357" spans="1:3" ht="29.4" customHeight="1" x14ac:dyDescent="0.2">
      <c r="A357" s="8">
        <v>355</v>
      </c>
      <c r="B357" s="4" t="s">
        <v>701</v>
      </c>
      <c r="C357" s="4" t="s">
        <v>719</v>
      </c>
    </row>
    <row r="358" spans="1:3" ht="29.4" customHeight="1" x14ac:dyDescent="0.2">
      <c r="A358" s="8">
        <v>356</v>
      </c>
      <c r="B358" s="4" t="s">
        <v>702</v>
      </c>
      <c r="C358" s="4" t="s">
        <v>728</v>
      </c>
    </row>
    <row r="359" spans="1:3" ht="29.4" customHeight="1" x14ac:dyDescent="0.2">
      <c r="A359" s="8">
        <v>357</v>
      </c>
      <c r="B359" s="4" t="s">
        <v>703</v>
      </c>
      <c r="C359" s="4" t="s">
        <v>720</v>
      </c>
    </row>
    <row r="360" spans="1:3" ht="29.4" customHeight="1" x14ac:dyDescent="0.2">
      <c r="A360" s="8">
        <v>358</v>
      </c>
      <c r="B360" s="4" t="s">
        <v>704</v>
      </c>
      <c r="C360" s="4" t="s">
        <v>721</v>
      </c>
    </row>
    <row r="361" spans="1:3" ht="29.4" customHeight="1" x14ac:dyDescent="0.2">
      <c r="A361" s="8">
        <v>359</v>
      </c>
      <c r="B361" s="4" t="s">
        <v>705</v>
      </c>
      <c r="C361" s="4" t="s">
        <v>722</v>
      </c>
    </row>
    <row r="362" spans="1:3" ht="29.4" customHeight="1" x14ac:dyDescent="0.2">
      <c r="A362" s="8">
        <v>360</v>
      </c>
      <c r="B362" s="4" t="s">
        <v>706</v>
      </c>
      <c r="C362" s="4" t="s">
        <v>723</v>
      </c>
    </row>
    <row r="363" spans="1:3" ht="29.4" customHeight="1" x14ac:dyDescent="0.2">
      <c r="A363" s="8">
        <v>361</v>
      </c>
      <c r="B363" s="4" t="s">
        <v>707</v>
      </c>
      <c r="C363" s="4" t="s">
        <v>724</v>
      </c>
    </row>
    <row r="364" spans="1:3" ht="29.4" customHeight="1" x14ac:dyDescent="0.2">
      <c r="A364" s="8">
        <v>362</v>
      </c>
      <c r="B364" s="4" t="s">
        <v>708</v>
      </c>
      <c r="C364" s="4" t="s">
        <v>726</v>
      </c>
    </row>
    <row r="365" spans="1:3" ht="29.4" customHeight="1" x14ac:dyDescent="0.2">
      <c r="A365" s="8">
        <v>363</v>
      </c>
      <c r="B365" s="4" t="s">
        <v>709</v>
      </c>
      <c r="C365" s="4" t="s">
        <v>727</v>
      </c>
    </row>
    <row r="366" spans="1:3" ht="29.4" customHeight="1" x14ac:dyDescent="0.2">
      <c r="A366" s="8">
        <v>364</v>
      </c>
      <c r="B366" s="4" t="s">
        <v>710</v>
      </c>
      <c r="C366" s="4" t="s">
        <v>729</v>
      </c>
    </row>
    <row r="367" spans="1:3" ht="31.2" customHeight="1" x14ac:dyDescent="0.2">
      <c r="A367" s="8">
        <v>365</v>
      </c>
      <c r="B367" s="4" t="s">
        <v>711</v>
      </c>
      <c r="C367" s="4" t="s">
        <v>725</v>
      </c>
    </row>
    <row r="368" spans="1:3" ht="31.2" customHeight="1" x14ac:dyDescent="0.2">
      <c r="A368" s="8">
        <v>366</v>
      </c>
      <c r="B368" s="4" t="s">
        <v>730</v>
      </c>
      <c r="C368" s="4" t="s">
        <v>769</v>
      </c>
    </row>
    <row r="369" spans="1:3" ht="31.2" customHeight="1" x14ac:dyDescent="0.2">
      <c r="A369" s="8">
        <v>367</v>
      </c>
      <c r="B369" s="4" t="s">
        <v>731</v>
      </c>
      <c r="C369" s="4" t="s">
        <v>13</v>
      </c>
    </row>
    <row r="370" spans="1:3" ht="31.2" customHeight="1" x14ac:dyDescent="0.2">
      <c r="A370" s="8">
        <v>368</v>
      </c>
      <c r="B370" s="4" t="s">
        <v>732</v>
      </c>
      <c r="C370" s="4" t="s">
        <v>752</v>
      </c>
    </row>
    <row r="371" spans="1:3" ht="31.2" customHeight="1" x14ac:dyDescent="0.2">
      <c r="A371" s="8">
        <v>369</v>
      </c>
      <c r="B371" s="4" t="s">
        <v>733</v>
      </c>
      <c r="C371" s="4" t="s">
        <v>753</v>
      </c>
    </row>
    <row r="372" spans="1:3" ht="31.2" customHeight="1" x14ac:dyDescent="0.2">
      <c r="A372" s="8">
        <v>370</v>
      </c>
      <c r="B372" s="4" t="s">
        <v>734</v>
      </c>
      <c r="C372" s="4" t="s">
        <v>754</v>
      </c>
    </row>
    <row r="373" spans="1:3" ht="31.2" customHeight="1" x14ac:dyDescent="0.2">
      <c r="A373" s="8">
        <v>371</v>
      </c>
      <c r="B373" s="4" t="s">
        <v>735</v>
      </c>
      <c r="C373" s="4" t="s">
        <v>755</v>
      </c>
    </row>
    <row r="374" spans="1:3" ht="31.2" customHeight="1" x14ac:dyDescent="0.2">
      <c r="A374" s="8">
        <v>372</v>
      </c>
      <c r="B374" s="4" t="s">
        <v>736</v>
      </c>
      <c r="C374" s="4" t="s">
        <v>756</v>
      </c>
    </row>
    <row r="375" spans="1:3" ht="31.2" customHeight="1" x14ac:dyDescent="0.2">
      <c r="A375" s="8">
        <v>373</v>
      </c>
      <c r="B375" s="4" t="s">
        <v>737</v>
      </c>
      <c r="C375" s="4" t="s">
        <v>757</v>
      </c>
    </row>
    <row r="376" spans="1:3" ht="31.2" customHeight="1" x14ac:dyDescent="0.2">
      <c r="A376" s="8">
        <v>374</v>
      </c>
      <c r="B376" s="4" t="s">
        <v>738</v>
      </c>
      <c r="C376" s="4" t="s">
        <v>758</v>
      </c>
    </row>
    <row r="377" spans="1:3" ht="31.2" customHeight="1" x14ac:dyDescent="0.2">
      <c r="A377" s="8">
        <v>375</v>
      </c>
      <c r="B377" s="4" t="s">
        <v>739</v>
      </c>
      <c r="C377" s="4" t="s">
        <v>770</v>
      </c>
    </row>
    <row r="378" spans="1:3" ht="31.2" customHeight="1" x14ac:dyDescent="0.2">
      <c r="A378" s="8">
        <v>376</v>
      </c>
      <c r="B378" s="4" t="s">
        <v>740</v>
      </c>
      <c r="C378" s="4" t="s">
        <v>759</v>
      </c>
    </row>
    <row r="379" spans="1:3" ht="31.2" customHeight="1" x14ac:dyDescent="0.2">
      <c r="A379" s="8">
        <v>377</v>
      </c>
      <c r="B379" s="4" t="s">
        <v>741</v>
      </c>
      <c r="C379" s="4" t="s">
        <v>760</v>
      </c>
    </row>
    <row r="380" spans="1:3" ht="31.2" customHeight="1" x14ac:dyDescent="0.2">
      <c r="A380" s="8">
        <v>378</v>
      </c>
      <c r="B380" s="4" t="s">
        <v>742</v>
      </c>
      <c r="C380" s="4" t="s">
        <v>761</v>
      </c>
    </row>
    <row r="381" spans="1:3" ht="31.2" customHeight="1" x14ac:dyDescent="0.2">
      <c r="A381" s="8">
        <v>379</v>
      </c>
      <c r="B381" s="4" t="s">
        <v>743</v>
      </c>
      <c r="C381" s="4" t="s">
        <v>762</v>
      </c>
    </row>
    <row r="382" spans="1:3" ht="31.2" customHeight="1" x14ac:dyDescent="0.2">
      <c r="A382" s="8">
        <v>380</v>
      </c>
      <c r="B382" s="4" t="s">
        <v>744</v>
      </c>
      <c r="C382" s="4" t="s">
        <v>763</v>
      </c>
    </row>
    <row r="383" spans="1:3" ht="31.2" customHeight="1" x14ac:dyDescent="0.2">
      <c r="A383" s="8">
        <v>381</v>
      </c>
      <c r="B383" s="4" t="s">
        <v>745</v>
      </c>
      <c r="C383" s="4" t="s">
        <v>562</v>
      </c>
    </row>
    <row r="384" spans="1:3" ht="31.2" customHeight="1" x14ac:dyDescent="0.2">
      <c r="A384" s="8">
        <v>382</v>
      </c>
      <c r="B384" s="4" t="s">
        <v>746</v>
      </c>
      <c r="C384" s="4" t="s">
        <v>771</v>
      </c>
    </row>
    <row r="385" spans="1:3" ht="31.2" customHeight="1" x14ac:dyDescent="0.2">
      <c r="A385" s="8">
        <v>383</v>
      </c>
      <c r="B385" s="4" t="s">
        <v>747</v>
      </c>
      <c r="C385" s="4" t="s">
        <v>764</v>
      </c>
    </row>
    <row r="386" spans="1:3" ht="31.2" customHeight="1" x14ac:dyDescent="0.2">
      <c r="A386" s="8">
        <v>384</v>
      </c>
      <c r="B386" s="4" t="s">
        <v>748</v>
      </c>
      <c r="C386" s="4" t="s">
        <v>765</v>
      </c>
    </row>
    <row r="387" spans="1:3" ht="31.2" customHeight="1" x14ac:dyDescent="0.2">
      <c r="A387" s="8">
        <v>385</v>
      </c>
      <c r="B387" s="4" t="s">
        <v>749</v>
      </c>
      <c r="C387" s="4" t="s">
        <v>766</v>
      </c>
    </row>
    <row r="388" spans="1:3" ht="31.2" customHeight="1" x14ac:dyDescent="0.2">
      <c r="A388" s="8">
        <v>386</v>
      </c>
      <c r="B388" s="4" t="s">
        <v>750</v>
      </c>
      <c r="C388" s="4" t="s">
        <v>767</v>
      </c>
    </row>
    <row r="389" spans="1:3" ht="30" customHeight="1" x14ac:dyDescent="0.2">
      <c r="A389" s="8">
        <v>387</v>
      </c>
      <c r="B389" s="4" t="s">
        <v>751</v>
      </c>
      <c r="C389" s="4" t="s">
        <v>768</v>
      </c>
    </row>
    <row r="390" spans="1:3" ht="30" customHeight="1" x14ac:dyDescent="0.2">
      <c r="A390" s="8">
        <v>388</v>
      </c>
      <c r="B390" s="4" t="s">
        <v>772</v>
      </c>
      <c r="C390" s="4" t="s">
        <v>808</v>
      </c>
    </row>
    <row r="391" spans="1:3" ht="30" customHeight="1" x14ac:dyDescent="0.2">
      <c r="A391" s="8">
        <v>389</v>
      </c>
      <c r="B391" s="4" t="s">
        <v>773</v>
      </c>
      <c r="C391" s="4" t="s">
        <v>839</v>
      </c>
    </row>
    <row r="392" spans="1:3" ht="30" customHeight="1" x14ac:dyDescent="0.2">
      <c r="A392" s="8">
        <v>390</v>
      </c>
      <c r="B392" s="4" t="s">
        <v>774</v>
      </c>
      <c r="C392" s="4" t="s">
        <v>809</v>
      </c>
    </row>
    <row r="393" spans="1:3" ht="30" customHeight="1" x14ac:dyDescent="0.2">
      <c r="A393" s="8">
        <v>391</v>
      </c>
      <c r="B393" s="4" t="s">
        <v>775</v>
      </c>
      <c r="C393" s="4" t="s">
        <v>810</v>
      </c>
    </row>
    <row r="394" spans="1:3" ht="30" customHeight="1" x14ac:dyDescent="0.2">
      <c r="A394" s="8">
        <v>392</v>
      </c>
      <c r="B394" s="4" t="s">
        <v>776</v>
      </c>
      <c r="C394" s="4" t="s">
        <v>811</v>
      </c>
    </row>
    <row r="395" spans="1:3" ht="30" customHeight="1" x14ac:dyDescent="0.2">
      <c r="A395" s="8">
        <v>393</v>
      </c>
      <c r="B395" s="4" t="s">
        <v>777</v>
      </c>
      <c r="C395" s="4" t="s">
        <v>812</v>
      </c>
    </row>
    <row r="396" spans="1:3" ht="30" customHeight="1" x14ac:dyDescent="0.2">
      <c r="A396" s="8">
        <v>394</v>
      </c>
      <c r="B396" s="4" t="s">
        <v>778</v>
      </c>
      <c r="C396" s="4" t="s">
        <v>813</v>
      </c>
    </row>
    <row r="397" spans="1:3" ht="30" customHeight="1" x14ac:dyDescent="0.2">
      <c r="A397" s="8">
        <v>395</v>
      </c>
      <c r="B397" s="4" t="s">
        <v>779</v>
      </c>
      <c r="C397" s="4" t="s">
        <v>814</v>
      </c>
    </row>
    <row r="398" spans="1:3" ht="30" customHeight="1" x14ac:dyDescent="0.2">
      <c r="A398" s="8">
        <v>396</v>
      </c>
      <c r="B398" s="4" t="s">
        <v>780</v>
      </c>
      <c r="C398" s="4" t="s">
        <v>815</v>
      </c>
    </row>
    <row r="399" spans="1:3" ht="30" customHeight="1" x14ac:dyDescent="0.2">
      <c r="A399" s="8">
        <v>397</v>
      </c>
      <c r="B399" s="4" t="s">
        <v>781</v>
      </c>
      <c r="C399" s="4" t="s">
        <v>816</v>
      </c>
    </row>
    <row r="400" spans="1:3" ht="30" customHeight="1" x14ac:dyDescent="0.2">
      <c r="A400" s="8">
        <v>398</v>
      </c>
      <c r="B400" s="4" t="s">
        <v>782</v>
      </c>
      <c r="C400" s="4" t="s">
        <v>817</v>
      </c>
    </row>
    <row r="401" spans="1:3" ht="30" customHeight="1" x14ac:dyDescent="0.2">
      <c r="A401" s="8">
        <v>399</v>
      </c>
      <c r="B401" s="4" t="s">
        <v>783</v>
      </c>
      <c r="C401" s="4" t="s">
        <v>818</v>
      </c>
    </row>
    <row r="402" spans="1:3" ht="30" customHeight="1" x14ac:dyDescent="0.2">
      <c r="A402" s="8">
        <v>400</v>
      </c>
      <c r="B402" s="4" t="s">
        <v>784</v>
      </c>
      <c r="C402" s="4" t="s">
        <v>819</v>
      </c>
    </row>
    <row r="403" spans="1:3" ht="30" customHeight="1" x14ac:dyDescent="0.2">
      <c r="A403" s="8">
        <v>401</v>
      </c>
      <c r="B403" s="4" t="s">
        <v>785</v>
      </c>
      <c r="C403" s="4" t="s">
        <v>820</v>
      </c>
    </row>
    <row r="404" spans="1:3" ht="30" customHeight="1" x14ac:dyDescent="0.2">
      <c r="A404" s="8">
        <v>402</v>
      </c>
      <c r="B404" s="4" t="s">
        <v>786</v>
      </c>
      <c r="C404" s="4" t="s">
        <v>821</v>
      </c>
    </row>
    <row r="405" spans="1:3" ht="30" customHeight="1" x14ac:dyDescent="0.2">
      <c r="A405" s="8">
        <v>403</v>
      </c>
      <c r="B405" s="4" t="s">
        <v>787</v>
      </c>
      <c r="C405" s="4" t="s">
        <v>822</v>
      </c>
    </row>
    <row r="406" spans="1:3" ht="30" customHeight="1" x14ac:dyDescent="0.2">
      <c r="A406" s="8">
        <v>404</v>
      </c>
      <c r="B406" s="4" t="s">
        <v>788</v>
      </c>
      <c r="C406" s="4" t="s">
        <v>823</v>
      </c>
    </row>
    <row r="407" spans="1:3" ht="30" customHeight="1" x14ac:dyDescent="0.2">
      <c r="A407" s="8">
        <v>405</v>
      </c>
      <c r="B407" s="4" t="s">
        <v>789</v>
      </c>
      <c r="C407" s="4" t="s">
        <v>824</v>
      </c>
    </row>
    <row r="408" spans="1:3" ht="30" customHeight="1" x14ac:dyDescent="0.2">
      <c r="A408" s="8">
        <v>406</v>
      </c>
      <c r="B408" s="4" t="s">
        <v>790</v>
      </c>
      <c r="C408" s="4" t="s">
        <v>825</v>
      </c>
    </row>
    <row r="409" spans="1:3" ht="30" customHeight="1" x14ac:dyDescent="0.2">
      <c r="A409" s="8">
        <v>407</v>
      </c>
      <c r="B409" s="4" t="s">
        <v>791</v>
      </c>
      <c r="C409" s="4" t="s">
        <v>826</v>
      </c>
    </row>
    <row r="410" spans="1:3" ht="30" customHeight="1" x14ac:dyDescent="0.2">
      <c r="A410" s="8">
        <v>408</v>
      </c>
      <c r="B410" s="4" t="s">
        <v>792</v>
      </c>
      <c r="C410" s="4" t="s">
        <v>827</v>
      </c>
    </row>
    <row r="411" spans="1:3" ht="30" customHeight="1" x14ac:dyDescent="0.2">
      <c r="A411" s="8">
        <v>409</v>
      </c>
      <c r="B411" s="4" t="s">
        <v>793</v>
      </c>
      <c r="C411" s="4" t="s">
        <v>828</v>
      </c>
    </row>
    <row r="412" spans="1:3" ht="30" customHeight="1" x14ac:dyDescent="0.2">
      <c r="A412" s="8">
        <v>410</v>
      </c>
      <c r="B412" s="4" t="s">
        <v>794</v>
      </c>
      <c r="C412" s="4" t="s">
        <v>829</v>
      </c>
    </row>
    <row r="413" spans="1:3" ht="30" customHeight="1" x14ac:dyDescent="0.2">
      <c r="A413" s="8">
        <v>411</v>
      </c>
      <c r="B413" s="4" t="s">
        <v>795</v>
      </c>
      <c r="C413" s="4" t="s">
        <v>840</v>
      </c>
    </row>
    <row r="414" spans="1:3" ht="30" customHeight="1" x14ac:dyDescent="0.2">
      <c r="A414" s="8">
        <v>412</v>
      </c>
      <c r="B414" s="4" t="s">
        <v>796</v>
      </c>
      <c r="C414" s="4" t="s">
        <v>841</v>
      </c>
    </row>
    <row r="415" spans="1:3" ht="30" customHeight="1" x14ac:dyDescent="0.2">
      <c r="A415" s="8">
        <v>413</v>
      </c>
      <c r="B415" s="4" t="s">
        <v>797</v>
      </c>
      <c r="C415" s="4" t="s">
        <v>830</v>
      </c>
    </row>
    <row r="416" spans="1:3" ht="30" customHeight="1" x14ac:dyDescent="0.2">
      <c r="A416" s="8">
        <v>414</v>
      </c>
      <c r="B416" s="4" t="s">
        <v>798</v>
      </c>
      <c r="C416" s="4" t="s">
        <v>831</v>
      </c>
    </row>
    <row r="417" spans="1:3" ht="30" customHeight="1" x14ac:dyDescent="0.2">
      <c r="A417" s="8">
        <v>415</v>
      </c>
      <c r="B417" s="4" t="s">
        <v>799</v>
      </c>
      <c r="C417" s="4" t="s">
        <v>832</v>
      </c>
    </row>
    <row r="418" spans="1:3" ht="30" customHeight="1" x14ac:dyDescent="0.2">
      <c r="A418" s="8">
        <v>416</v>
      </c>
      <c r="B418" s="4" t="s">
        <v>800</v>
      </c>
      <c r="C418" s="4" t="s">
        <v>833</v>
      </c>
    </row>
    <row r="419" spans="1:3" ht="30" customHeight="1" x14ac:dyDescent="0.2">
      <c r="A419" s="8">
        <v>417</v>
      </c>
      <c r="B419" s="4" t="s">
        <v>801</v>
      </c>
      <c r="C419" s="4" t="s">
        <v>834</v>
      </c>
    </row>
    <row r="420" spans="1:3" ht="30" customHeight="1" x14ac:dyDescent="0.2">
      <c r="A420" s="8">
        <v>418</v>
      </c>
      <c r="B420" s="4" t="s">
        <v>802</v>
      </c>
      <c r="C420" s="4" t="s">
        <v>835</v>
      </c>
    </row>
    <row r="421" spans="1:3" ht="30" customHeight="1" x14ac:dyDescent="0.2">
      <c r="A421" s="8">
        <v>419</v>
      </c>
      <c r="B421" s="4" t="s">
        <v>803</v>
      </c>
      <c r="C421" s="4" t="s">
        <v>842</v>
      </c>
    </row>
    <row r="422" spans="1:3" ht="30" customHeight="1" x14ac:dyDescent="0.2">
      <c r="A422" s="8">
        <v>420</v>
      </c>
      <c r="B422" s="4" t="s">
        <v>804</v>
      </c>
      <c r="C422" s="4" t="s">
        <v>843</v>
      </c>
    </row>
    <row r="423" spans="1:3" ht="30" customHeight="1" x14ac:dyDescent="0.2">
      <c r="A423" s="8">
        <v>421</v>
      </c>
      <c r="B423" s="4" t="s">
        <v>805</v>
      </c>
      <c r="C423" s="4" t="s">
        <v>844</v>
      </c>
    </row>
    <row r="424" spans="1:3" ht="30" customHeight="1" x14ac:dyDescent="0.2">
      <c r="A424" s="8">
        <v>422</v>
      </c>
      <c r="B424" s="4" t="s">
        <v>806</v>
      </c>
      <c r="C424" s="4" t="s">
        <v>836</v>
      </c>
    </row>
    <row r="425" spans="1:3" ht="31.8" customHeight="1" x14ac:dyDescent="0.2">
      <c r="A425" s="8">
        <v>423</v>
      </c>
      <c r="B425" s="4" t="s">
        <v>807</v>
      </c>
      <c r="C425" s="4" t="s">
        <v>837</v>
      </c>
    </row>
    <row r="426" spans="1:3" ht="31.8" customHeight="1" x14ac:dyDescent="0.2">
      <c r="A426" s="8">
        <v>424</v>
      </c>
      <c r="B426" s="4" t="s">
        <v>845</v>
      </c>
      <c r="C426" s="4" t="s">
        <v>881</v>
      </c>
    </row>
    <row r="427" spans="1:3" ht="31.8" customHeight="1" x14ac:dyDescent="0.2">
      <c r="A427" s="8">
        <v>425</v>
      </c>
      <c r="B427" s="4" t="s">
        <v>846</v>
      </c>
      <c r="C427" s="4" t="s">
        <v>882</v>
      </c>
    </row>
    <row r="428" spans="1:3" ht="31.8" customHeight="1" x14ac:dyDescent="0.2">
      <c r="A428" s="8">
        <v>426</v>
      </c>
      <c r="B428" s="4" t="s">
        <v>847</v>
      </c>
      <c r="C428" s="4" t="s">
        <v>883</v>
      </c>
    </row>
    <row r="429" spans="1:3" ht="31.8" customHeight="1" x14ac:dyDescent="0.2">
      <c r="A429" s="8">
        <v>427</v>
      </c>
      <c r="B429" s="4" t="s">
        <v>848</v>
      </c>
      <c r="C429" s="4" t="s">
        <v>884</v>
      </c>
    </row>
    <row r="430" spans="1:3" ht="31.8" customHeight="1" x14ac:dyDescent="0.2">
      <c r="A430" s="8">
        <v>428</v>
      </c>
      <c r="B430" s="4" t="s">
        <v>849</v>
      </c>
      <c r="C430" s="4" t="s">
        <v>885</v>
      </c>
    </row>
    <row r="431" spans="1:3" ht="31.8" customHeight="1" x14ac:dyDescent="0.2">
      <c r="A431" s="8">
        <v>429</v>
      </c>
      <c r="B431" s="4" t="s">
        <v>850</v>
      </c>
      <c r="C431" s="4" t="s">
        <v>916</v>
      </c>
    </row>
    <row r="432" spans="1:3" ht="31.8" customHeight="1" x14ac:dyDescent="0.2">
      <c r="A432" s="8">
        <v>430</v>
      </c>
      <c r="B432" s="4" t="s">
        <v>851</v>
      </c>
      <c r="C432" s="4" t="s">
        <v>886</v>
      </c>
    </row>
    <row r="433" spans="1:3" ht="31.8" customHeight="1" x14ac:dyDescent="0.2">
      <c r="A433" s="8">
        <v>431</v>
      </c>
      <c r="B433" s="4" t="s">
        <v>852</v>
      </c>
      <c r="C433" s="4" t="s">
        <v>887</v>
      </c>
    </row>
    <row r="434" spans="1:3" ht="31.8" customHeight="1" x14ac:dyDescent="0.2">
      <c r="A434" s="8">
        <v>432</v>
      </c>
      <c r="B434" s="4" t="s">
        <v>853</v>
      </c>
      <c r="C434" s="4" t="s">
        <v>888</v>
      </c>
    </row>
    <row r="435" spans="1:3" ht="31.8" customHeight="1" x14ac:dyDescent="0.2">
      <c r="A435" s="8">
        <v>433</v>
      </c>
      <c r="B435" s="4" t="s">
        <v>854</v>
      </c>
      <c r="C435" s="4" t="s">
        <v>889</v>
      </c>
    </row>
    <row r="436" spans="1:3" ht="31.8" customHeight="1" x14ac:dyDescent="0.2">
      <c r="A436" s="8">
        <v>434</v>
      </c>
      <c r="B436" s="4" t="s">
        <v>855</v>
      </c>
      <c r="C436" s="4" t="s">
        <v>890</v>
      </c>
    </row>
    <row r="437" spans="1:3" ht="31.8" customHeight="1" x14ac:dyDescent="0.2">
      <c r="A437" s="8">
        <v>435</v>
      </c>
      <c r="B437" s="4" t="s">
        <v>856</v>
      </c>
      <c r="C437" s="4" t="s">
        <v>891</v>
      </c>
    </row>
    <row r="438" spans="1:3" ht="31.8" customHeight="1" x14ac:dyDescent="0.2">
      <c r="A438" s="8">
        <v>436</v>
      </c>
      <c r="B438" s="4" t="s">
        <v>857</v>
      </c>
      <c r="C438" s="4" t="s">
        <v>892</v>
      </c>
    </row>
    <row r="439" spans="1:3" ht="31.8" customHeight="1" x14ac:dyDescent="0.2">
      <c r="A439" s="8">
        <v>437</v>
      </c>
      <c r="B439" s="4" t="s">
        <v>858</v>
      </c>
      <c r="C439" s="4" t="s">
        <v>893</v>
      </c>
    </row>
    <row r="440" spans="1:3" ht="31.8" customHeight="1" x14ac:dyDescent="0.2">
      <c r="A440" s="8">
        <v>438</v>
      </c>
      <c r="B440" s="4" t="s">
        <v>859</v>
      </c>
      <c r="C440" s="4" t="s">
        <v>894</v>
      </c>
    </row>
    <row r="441" spans="1:3" ht="31.8" customHeight="1" x14ac:dyDescent="0.2">
      <c r="A441" s="8">
        <v>439</v>
      </c>
      <c r="B441" s="4" t="s">
        <v>860</v>
      </c>
      <c r="C441" s="4" t="s">
        <v>895</v>
      </c>
    </row>
    <row r="442" spans="1:3" ht="31.8" customHeight="1" x14ac:dyDescent="0.2">
      <c r="A442" s="8">
        <v>440</v>
      </c>
      <c r="B442" s="4" t="s">
        <v>861</v>
      </c>
      <c r="C442" s="4" t="s">
        <v>896</v>
      </c>
    </row>
    <row r="443" spans="1:3" ht="31.8" customHeight="1" x14ac:dyDescent="0.2">
      <c r="A443" s="8">
        <v>441</v>
      </c>
      <c r="B443" s="4" t="s">
        <v>862</v>
      </c>
      <c r="C443" s="4" t="s">
        <v>917</v>
      </c>
    </row>
    <row r="444" spans="1:3" ht="31.8" customHeight="1" x14ac:dyDescent="0.2">
      <c r="A444" s="8">
        <v>442</v>
      </c>
      <c r="B444" s="4" t="s">
        <v>863</v>
      </c>
      <c r="C444" s="4" t="s">
        <v>897</v>
      </c>
    </row>
    <row r="445" spans="1:3" ht="31.8" customHeight="1" x14ac:dyDescent="0.2">
      <c r="A445" s="8">
        <v>443</v>
      </c>
      <c r="B445" s="4" t="s">
        <v>864</v>
      </c>
      <c r="C445" s="4" t="s">
        <v>898</v>
      </c>
    </row>
    <row r="446" spans="1:3" ht="31.8" customHeight="1" x14ac:dyDescent="0.2">
      <c r="A446" s="8">
        <v>444</v>
      </c>
      <c r="B446" s="4" t="s">
        <v>865</v>
      </c>
      <c r="C446" s="4" t="s">
        <v>899</v>
      </c>
    </row>
    <row r="447" spans="1:3" ht="31.8" customHeight="1" x14ac:dyDescent="0.2">
      <c r="A447" s="8">
        <v>445</v>
      </c>
      <c r="B447" s="4" t="s">
        <v>866</v>
      </c>
      <c r="C447" s="4" t="s">
        <v>900</v>
      </c>
    </row>
    <row r="448" spans="1:3" ht="31.8" customHeight="1" x14ac:dyDescent="0.2">
      <c r="A448" s="8">
        <v>446</v>
      </c>
      <c r="B448" s="4" t="s">
        <v>867</v>
      </c>
      <c r="C448" s="4" t="s">
        <v>901</v>
      </c>
    </row>
    <row r="449" spans="1:3" ht="31.8" customHeight="1" x14ac:dyDescent="0.2">
      <c r="A449" s="8">
        <v>447</v>
      </c>
      <c r="B449" s="4" t="s">
        <v>868</v>
      </c>
      <c r="C449" s="4" t="s">
        <v>902</v>
      </c>
    </row>
    <row r="450" spans="1:3" ht="31.8" customHeight="1" x14ac:dyDescent="0.2">
      <c r="A450" s="8">
        <v>448</v>
      </c>
      <c r="B450" s="4" t="s">
        <v>869</v>
      </c>
      <c r="C450" s="4" t="s">
        <v>903</v>
      </c>
    </row>
    <row r="451" spans="1:3" ht="31.8" customHeight="1" x14ac:dyDescent="0.2">
      <c r="A451" s="8">
        <v>449</v>
      </c>
      <c r="B451" s="4" t="s">
        <v>870</v>
      </c>
      <c r="C451" s="4" t="s">
        <v>904</v>
      </c>
    </row>
    <row r="452" spans="1:3" ht="31.8" customHeight="1" x14ac:dyDescent="0.2">
      <c r="A452" s="8">
        <v>450</v>
      </c>
      <c r="B452" s="4" t="s">
        <v>871</v>
      </c>
      <c r="C452" s="4" t="s">
        <v>905</v>
      </c>
    </row>
    <row r="453" spans="1:3" ht="31.8" customHeight="1" x14ac:dyDescent="0.2">
      <c r="A453" s="8">
        <v>451</v>
      </c>
      <c r="B453" s="4" t="s">
        <v>872</v>
      </c>
      <c r="C453" s="4" t="s">
        <v>906</v>
      </c>
    </row>
    <row r="454" spans="1:3" ht="31.8" customHeight="1" x14ac:dyDescent="0.2">
      <c r="A454" s="8">
        <v>452</v>
      </c>
      <c r="B454" s="4" t="s">
        <v>873</v>
      </c>
      <c r="C454" s="4" t="s">
        <v>907</v>
      </c>
    </row>
    <row r="455" spans="1:3" ht="31.8" customHeight="1" x14ac:dyDescent="0.2">
      <c r="A455" s="8">
        <v>453</v>
      </c>
      <c r="B455" s="4" t="s">
        <v>874</v>
      </c>
      <c r="C455" s="4" t="s">
        <v>908</v>
      </c>
    </row>
    <row r="456" spans="1:3" ht="31.8" customHeight="1" x14ac:dyDescent="0.2">
      <c r="A456" s="8">
        <v>454</v>
      </c>
      <c r="B456" s="4" t="s">
        <v>875</v>
      </c>
      <c r="C456" s="4" t="s">
        <v>909</v>
      </c>
    </row>
    <row r="457" spans="1:3" ht="31.8" customHeight="1" x14ac:dyDescent="0.2">
      <c r="A457" s="8">
        <v>455</v>
      </c>
      <c r="B457" s="4" t="s">
        <v>876</v>
      </c>
      <c r="C457" s="4" t="s">
        <v>910</v>
      </c>
    </row>
    <row r="458" spans="1:3" ht="31.8" customHeight="1" x14ac:dyDescent="0.2">
      <c r="A458" s="8">
        <v>456</v>
      </c>
      <c r="B458" s="4" t="s">
        <v>877</v>
      </c>
      <c r="C458" s="4" t="s">
        <v>911</v>
      </c>
    </row>
    <row r="459" spans="1:3" ht="31.8" customHeight="1" x14ac:dyDescent="0.2">
      <c r="A459" s="8">
        <v>457</v>
      </c>
      <c r="B459" s="4" t="s">
        <v>878</v>
      </c>
      <c r="C459" s="4" t="s">
        <v>912</v>
      </c>
    </row>
    <row r="460" spans="1:3" ht="31.8" customHeight="1" x14ac:dyDescent="0.2">
      <c r="A460" s="8">
        <v>458</v>
      </c>
      <c r="B460" s="4" t="s">
        <v>879</v>
      </c>
      <c r="C460" s="4" t="s">
        <v>913</v>
      </c>
    </row>
    <row r="461" spans="1:3" ht="31.8" customHeight="1" x14ac:dyDescent="0.2">
      <c r="A461" s="8">
        <v>459</v>
      </c>
      <c r="B461" s="4" t="s">
        <v>880</v>
      </c>
      <c r="C461" s="4" t="s">
        <v>914</v>
      </c>
    </row>
  </sheetData>
  <sortState xmlns:xlrd2="http://schemas.microsoft.com/office/spreadsheetml/2017/richdata2" ref="B3:C399">
    <sortCondition ref="B3:B399"/>
  </sortState>
  <mergeCells count="1">
    <mergeCell ref="A1:C1"/>
  </mergeCells>
  <phoneticPr fontId="1"/>
  <pageMargins left="0.70866141732283472" right="0.31496062992125984" top="0.74803149606299213" bottom="0.74803149606299213" header="0.31496062992125984" footer="0.31496062992125984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R7.９.30現在</vt:lpstr>
      <vt:lpstr>R7.９.30現在!Print_Area</vt:lpstr>
      <vt:lpstr>R7.９.30現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福田 耕介</dc:creator>
  <cp:lastModifiedBy>user</cp:lastModifiedBy>
  <cp:lastPrinted>2025-02-06T02:31:19Z</cp:lastPrinted>
  <dcterms:created xsi:type="dcterms:W3CDTF">2018-06-15T09:41:33Z</dcterms:created>
  <dcterms:modified xsi:type="dcterms:W3CDTF">2025-11-18T01:27:58Z</dcterms:modified>
</cp:coreProperties>
</file>